
<file path=[Content_Types].xml><?xml version="1.0" encoding="utf-8"?>
<Types xmlns="http://schemas.openxmlformats.org/package/2006/content-types">
  <Default Extension="png" ContentType="image/png"/>
  <Default Extension="emf" ContentType="image/x-emf"/>
  <Default Extension="jpeg" ContentType="image/jpeg"/>
  <Default Extension="rels" ContentType="application/vnd.openxmlformats-package.relationships+xml"/>
  <Default Extension="wmf" ContentType="image/x-wmf"/>
  <Default Extension="fntdata" ContentType="application/x-fontdata"/>
  <Default Extension="xml" ContentType="application/xml"/>
  <Default Extension="jpg" ContentType="image/jpeg"/>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presentation.xml" ContentType="application/vnd.openxmlformats-officedocument.presentationml.presentation.main+xml"/>
  <Override PartName="/ppt/diagrams/data2.xml" ContentType="application/vnd.openxmlformats-officedocument.drawingml.diagramData+xml"/>
  <Override PartName="/ppt/diagrams/data3.xml" ContentType="application/vnd.openxmlformats-officedocument.drawingml.diagramData+xml"/>
  <Override PartName="/ppt/diagrams/data1.xml" ContentType="application/vnd.openxmlformats-officedocument.drawingml.diagramData+xml"/>
  <Override PartName="/ppt/slideMasters/slideMaster1.xml" ContentType="application/vnd.openxmlformats-officedocument.presentationml.slideMaster+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slideLayouts/slideLayout4.xml" ContentType="application/vnd.openxmlformats-officedocument.presentationml.slideLayout+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handoutMasters/handoutMaster1.xml" ContentType="application/vnd.openxmlformats-officedocument.presentationml.handoutMaster+xml"/>
  <Override PartName="/ppt/theme/theme1.xml" ContentType="application/vnd.openxmlformats-officedocument.theme+xml"/>
  <Override PartName="/ppt/diagrams/layout2.xml" ContentType="application/vnd.openxmlformats-officedocument.drawingml.diagramLayout+xml"/>
  <Override PartName="/ppt/notesMasters/notesMaster1.xml" ContentType="application/vnd.openxmlformats-officedocument.presentationml.notesMaster+xml"/>
  <Override PartName="/ppt/theme/theme2.xml" ContentType="application/vnd.openxmlformats-officedocument.theme+xml"/>
  <Override PartName="/ppt/diagrams/quickStyle2.xml" ContentType="application/vnd.openxmlformats-officedocument.drawingml.diagramStyle+xml"/>
  <Override PartName="/ppt/theme/theme3.xml" ContentType="application/vnd.openxmlformats-officedocument.theme+xml"/>
  <Override PartName="/ppt/diagrams/colors2.xml" ContentType="application/vnd.openxmlformats-officedocument.drawingml.diagramColors+xml"/>
  <Override PartName="/ppt/diagrams/drawing2.xml" ContentType="application/vnd.ms-office.drawingml.diagramDrawing+xml"/>
  <Override PartName="/ppt/diagrams/colors1.xml" ContentType="application/vnd.openxmlformats-officedocument.drawingml.diagramColors+xml"/>
  <Override PartName="/ppt/diagrams/drawing1.xml" ContentType="application/vnd.ms-office.drawingml.diagramDrawing+xml"/>
  <Override PartName="/ppt/diagrams/layout1.xml" ContentType="application/vnd.openxmlformats-officedocument.drawingml.diagramLayout+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diagrams/quickStyle1.xml" ContentType="application/vnd.openxmlformats-officedocument.drawingml.diagramStyle+xml"/>
  <Override PartName="/ppt/presProps.xml" ContentType="application/vnd.openxmlformats-officedocument.presentationml.presProps+xml"/>
  <Override PartName="/ppt/viewProps.xml" ContentType="application/vnd.openxmlformats-officedocument.presentationml.viewProps+xml"/>
  <Override PartName="/ppt/tableStyles.xml" ContentType="application/vnd.openxmlformats-officedocument.presentationml.tableStyle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Override PartName="/ppt/tags/tag1.xml" ContentType="application/vnd.openxmlformats-officedocument.presentationml.tags+xml"/>
  <Override PartName="/ppt/tags/tag2.xml" ContentType="application/vnd.openxmlformats-officedocument.presentationml.tags+xml"/>
  <Override PartName="/customXml/itemProps2.xml" ContentType="application/vnd.openxmlformats-officedocument.customXmlProperties+xml"/>
  <Override PartName="/customXml/itemProps1.xml" ContentType="application/vnd.openxmlformats-officedocument.customXmlProperties+xml"/>
  <Override PartName="/customXml/itemProps3.xml" ContentType="application/vnd.openxmlformats-officedocument.customXml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embedTrueTypeFonts="1">
  <p:sldMasterIdLst>
    <p:sldMasterId id="2147483648" r:id="rId1"/>
  </p:sldMasterIdLst>
  <p:notesMasterIdLst>
    <p:notesMasterId r:id="rId15"/>
  </p:notesMasterIdLst>
  <p:handoutMasterIdLst>
    <p:handoutMasterId r:id="rId16"/>
  </p:handoutMasterIdLst>
  <p:sldIdLst>
    <p:sldId id="257" r:id="rId2"/>
    <p:sldId id="1125" r:id="rId3"/>
    <p:sldId id="1123" r:id="rId4"/>
    <p:sldId id="1127" r:id="rId5"/>
    <p:sldId id="1117" r:id="rId6"/>
    <p:sldId id="2147373504" r:id="rId7"/>
    <p:sldId id="2147373503" r:id="rId8"/>
    <p:sldId id="2147373505" r:id="rId9"/>
    <p:sldId id="2147373506" r:id="rId10"/>
    <p:sldId id="2147373507" r:id="rId11"/>
    <p:sldId id="2147373508" r:id="rId12"/>
    <p:sldId id="2147373509" r:id="rId13"/>
    <p:sldId id="2147373469" r:id="rId14"/>
  </p:sldIdLst>
  <p:sldSz cx="12192000" cy="6858000"/>
  <p:notesSz cx="6858000" cy="9144000"/>
  <p:embeddedFontLst>
    <p:embeddedFont>
      <p:font typeface="Aktiv Grotesk" panose="020B0604020202020204" charset="0"/>
      <p:regular r:id="rId17"/>
      <p:bold r:id="rId18"/>
      <p:italic r:id="rId19"/>
      <p:boldItalic r:id="rId20"/>
    </p:embeddedFont>
    <p:embeddedFont>
      <p:font typeface="Aktiv Grotesk Medium" panose="020B0604020202020204" charset="0"/>
      <p:regular r:id="rId21"/>
      <p:italic r:id="rId22"/>
    </p:embeddedFont>
  </p:embeddedFont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userDrawn="1">
          <p15:clr>
            <a:srgbClr val="A4A3A4"/>
          </p15:clr>
        </p15:guide>
        <p15:guide id="2" pos="3840" userDrawn="1">
          <p15:clr>
            <a:srgbClr val="A4A3A4"/>
          </p15:clr>
        </p15:guide>
      </p15:sldGuideLst>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useTimings="0">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00FF"/>
    <a:srgbClr val="1E32FA"/>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8913" autoAdjust="0"/>
    <p:restoredTop sz="73123" autoAdjust="0"/>
  </p:normalViewPr>
  <p:slideViewPr>
    <p:cSldViewPr snapToGrid="0" showGuides="1">
      <p:cViewPr varScale="1">
        <p:scale>
          <a:sx n="46" d="100"/>
          <a:sy n="46" d="100"/>
        </p:scale>
        <p:origin x="1292" y="36"/>
      </p:cViewPr>
      <p:guideLst>
        <p:guide orient="horz" pos="2160"/>
        <p:guide pos="3840"/>
      </p:guideLst>
    </p:cSldViewPr>
  </p:slideViewPr>
  <p:notesTextViewPr>
    <p:cViewPr>
      <p:scale>
        <a:sx n="3" d="2"/>
        <a:sy n="3" d="2"/>
      </p:scale>
      <p:origin x="0" y="0"/>
    </p:cViewPr>
  </p:notesTextViewPr>
  <p:sorterViewPr>
    <p:cViewPr>
      <p:scale>
        <a:sx n="100" d="100"/>
        <a:sy n="100" d="100"/>
      </p:scale>
      <p:origin x="0" y="0"/>
    </p:cViewPr>
  </p:sorterViewPr>
  <p:notesViewPr>
    <p:cSldViewPr snapToGrid="0" showGuides="1">
      <p:cViewPr varScale="1">
        <p:scale>
          <a:sx n="92" d="100"/>
          <a:sy n="92" d="100"/>
        </p:scale>
        <p:origin x="3648" y="102"/>
      </p:cViewPr>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font" Target="fonts/font2.fntdata"/><Relationship Id="rId26" Type="http://schemas.openxmlformats.org/officeDocument/2006/relationships/tableStyles" Target="tableStyles.xml"/><Relationship Id="rId3" Type="http://schemas.openxmlformats.org/officeDocument/2006/relationships/slide" Target="slides/slide2.xml"/><Relationship Id="rId21" Type="http://schemas.openxmlformats.org/officeDocument/2006/relationships/font" Target="fonts/font5.fntdata"/><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font" Target="fonts/font1.fntdata"/><Relationship Id="rId25" Type="http://schemas.openxmlformats.org/officeDocument/2006/relationships/theme" Target="theme/theme1.xml"/><Relationship Id="rId2" Type="http://schemas.openxmlformats.org/officeDocument/2006/relationships/slide" Target="slides/slide1.xml"/><Relationship Id="rId16" Type="http://schemas.openxmlformats.org/officeDocument/2006/relationships/handoutMaster" Target="handoutMasters/handoutMaster1.xml"/><Relationship Id="rId20" Type="http://schemas.openxmlformats.org/officeDocument/2006/relationships/font" Target="fonts/font4.fntdata"/><Relationship Id="rId29" Type="http://schemas.openxmlformats.org/officeDocument/2006/relationships/customXml" Target="../customXml/item3.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viewProps" Target="viewProps.xml"/><Relationship Id="rId5" Type="http://schemas.openxmlformats.org/officeDocument/2006/relationships/slide" Target="slides/slide4.xml"/><Relationship Id="rId15" Type="http://schemas.openxmlformats.org/officeDocument/2006/relationships/notesMaster" Target="notesMasters/notesMaster1.xml"/><Relationship Id="rId23" Type="http://schemas.openxmlformats.org/officeDocument/2006/relationships/presProps" Target="presProps.xml"/><Relationship Id="rId28" Type="http://schemas.openxmlformats.org/officeDocument/2006/relationships/customXml" Target="../customXml/item2.xml"/><Relationship Id="rId10" Type="http://schemas.openxmlformats.org/officeDocument/2006/relationships/slide" Target="slides/slide9.xml"/><Relationship Id="rId19" Type="http://schemas.openxmlformats.org/officeDocument/2006/relationships/font" Target="fonts/font3.fntdata"/><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font" Target="fonts/font6.fntdata"/><Relationship Id="rId27" Type="http://schemas.openxmlformats.org/officeDocument/2006/relationships/customXml" Target="../customXml/item1.xml"/></Relationships>
</file>

<file path=ppt/diagrams/colors1.xml><?xml version="1.0" encoding="utf-8"?>
<dgm:colorsDef xmlns:dgm="http://schemas.openxmlformats.org/drawingml/2006/diagram" xmlns:a="http://schemas.openxmlformats.org/drawingml/2006/main" uniqueId="urn:microsoft.com/office/officeart/2005/8/colors/colorful4">
  <dgm:title val=""/>
  <dgm:desc val=""/>
  <dgm:catLst>
    <dgm:cat type="colorful" pri="10400"/>
  </dgm:catLst>
  <dgm:styleLbl name="node0">
    <dgm:fillClrLst meth="repeat">
      <a:schemeClr val="accent3"/>
    </dgm:fillClrLst>
    <dgm:linClrLst meth="repeat">
      <a:schemeClr val="lt1"/>
    </dgm:linClrLst>
    <dgm:effectClrLst/>
    <dgm:txLinClrLst/>
    <dgm:txFillClrLst/>
    <dgm:txEffectClrLst/>
  </dgm:styleLbl>
  <dgm:styleLbl name="node1">
    <dgm:fillClrLst>
      <a:schemeClr val="accent4"/>
      <a:schemeClr val="accent5"/>
    </dgm:fillClrLst>
    <dgm:linClrLst meth="repeat">
      <a:schemeClr val="lt1"/>
    </dgm:linClrLst>
    <dgm:effectClrLst/>
    <dgm:txLinClrLst/>
    <dgm:txFillClrLst/>
    <dgm:txEffectClrLst/>
  </dgm:styleLbl>
  <dgm:styleLbl name="alignNode1">
    <dgm:fillClrLst>
      <a:schemeClr val="accent4"/>
      <a:schemeClr val="accent5"/>
    </dgm:fillClrLst>
    <dgm:linClrLst>
      <a:schemeClr val="accent4"/>
      <a:schemeClr val="accent5"/>
    </dgm:linClrLst>
    <dgm:effectClrLst/>
    <dgm:txLinClrLst/>
    <dgm:txFillClrLst/>
    <dgm:txEffectClrLst/>
  </dgm:styleLbl>
  <dgm:styleLbl name="lnNode1">
    <dgm:fillClrLst>
      <a:schemeClr val="accent4"/>
      <a:schemeClr val="accent5"/>
    </dgm:fillClrLst>
    <dgm:linClrLst meth="repeat">
      <a:schemeClr val="lt1"/>
    </dgm:linClrLst>
    <dgm:effectClrLst/>
    <dgm:txLinClrLst/>
    <dgm:txFillClrLst/>
    <dgm:txEffectClrLst/>
  </dgm:styleLbl>
  <dgm:styleLbl name="vennNode1">
    <dgm:fillClrLst>
      <a:schemeClr val="accent4">
        <a:alpha val="50000"/>
      </a:schemeClr>
      <a:schemeClr val="accent5">
        <a:alpha val="50000"/>
      </a:schemeClr>
    </dgm:fillClrLst>
    <dgm:linClrLst meth="repeat">
      <a:schemeClr val="lt1"/>
    </dgm:linClrLst>
    <dgm:effectClrLst/>
    <dgm:txLinClrLst/>
    <dgm:txFillClrLst/>
    <dgm:txEffectClrLst/>
  </dgm:styleLbl>
  <dgm:styleLbl name="node2">
    <dgm:fillClrLst>
      <a:schemeClr val="accent5"/>
    </dgm:fillClrLst>
    <dgm:linClrLst meth="repeat">
      <a:schemeClr val="lt1"/>
    </dgm:linClrLst>
    <dgm:effectClrLst/>
    <dgm:txLinClrLst/>
    <dgm:txFillClrLst/>
    <dgm:txEffectClrLst/>
  </dgm:styleLbl>
  <dgm:styleLbl name="node3">
    <dgm:fillClrLst>
      <a:schemeClr val="accent6"/>
    </dgm:fillClrLst>
    <dgm:linClrLst meth="repeat">
      <a:schemeClr val="lt1"/>
    </dgm:linClrLst>
    <dgm:effectClrLst/>
    <dgm:txLinClrLst/>
    <dgm:txFillClrLst/>
    <dgm:txEffectClrLst/>
  </dgm:styleLbl>
  <dgm:styleLbl name="node4">
    <dgm:fillClrLst>
      <a:schemeClr val="accent1"/>
    </dgm:fillClrLst>
    <dgm:linClrLst meth="repeat">
      <a:schemeClr val="lt1"/>
    </dgm:linClrLst>
    <dgm:effectClrLst/>
    <dgm:txLinClrLst/>
    <dgm:txFillClrLst/>
    <dgm:txEffectClrLst/>
  </dgm:styleLbl>
  <dgm:styleLbl name="fgImgPlace1">
    <dgm:fillClrLst>
      <a:schemeClr val="accent4">
        <a:tint val="50000"/>
      </a:schemeClr>
      <a:schemeClr val="accent5">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4">
        <a:tint val="50000"/>
      </a:schemeClr>
      <a:schemeClr val="accent5">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4">
        <a:tint val="50000"/>
      </a:schemeClr>
      <a:schemeClr val="accent5">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4"/>
      <a:schemeClr val="accent5"/>
    </dgm:fillClrLst>
    <dgm:linClrLst meth="repeat">
      <a:schemeClr val="lt1"/>
    </dgm:linClrLst>
    <dgm:effectClrLst/>
    <dgm:txLinClrLst/>
    <dgm:txFillClrLst/>
    <dgm:txEffectClrLst/>
  </dgm:styleLbl>
  <dgm:styleLbl name="fgSibTrans2D1">
    <dgm:fillClrLst>
      <a:schemeClr val="accent4"/>
      <a:schemeClr val="accent5"/>
    </dgm:fillClrLst>
    <dgm:linClrLst meth="repeat">
      <a:schemeClr val="lt1"/>
    </dgm:linClrLst>
    <dgm:effectClrLst/>
    <dgm:txLinClrLst/>
    <dgm:txFillClrLst meth="repeat">
      <a:schemeClr val="lt1"/>
    </dgm:txFillClrLst>
    <dgm:txEffectClrLst/>
  </dgm:styleLbl>
  <dgm:styleLbl name="bgSibTrans2D1">
    <dgm:fillClrLst>
      <a:schemeClr val="accent4"/>
      <a:schemeClr val="accent5"/>
    </dgm:fillClrLst>
    <dgm:linClrLst meth="repeat">
      <a:schemeClr val="lt1"/>
    </dgm:linClrLst>
    <dgm:effectClrLst/>
    <dgm:txLinClrLst/>
    <dgm:txFillClrLst meth="repeat">
      <a:schemeClr val="lt1"/>
    </dgm:txFillClrLst>
    <dgm:txEffectClrLst/>
  </dgm:styleLbl>
  <dgm:styleLbl name="sibTrans1D1">
    <dgm:fillClrLst/>
    <dgm:linClrLst>
      <a:schemeClr val="accent4"/>
      <a:schemeClr val="accent5"/>
    </dgm:linClrLst>
    <dgm:effectClrLst/>
    <dgm:txLinClrLst/>
    <dgm:txFillClrLst meth="repeat">
      <a:schemeClr val="tx1"/>
    </dgm:txFillClrLst>
    <dgm:txEffectClrLst/>
  </dgm:styleLbl>
  <dgm:styleLbl name="callout">
    <dgm:fillClrLst meth="repeat">
      <a:schemeClr val="accent4"/>
    </dgm:fillClrLst>
    <dgm:linClrLst meth="repeat">
      <a:schemeClr val="accent4">
        <a:tint val="50000"/>
      </a:schemeClr>
    </dgm:linClrLst>
    <dgm:effectClrLst/>
    <dgm:txLinClrLst/>
    <dgm:txFillClrLst meth="repeat">
      <a:schemeClr val="tx1"/>
    </dgm:txFillClrLst>
    <dgm:txEffectClrLst/>
  </dgm:styleLbl>
  <dgm:styleLbl name="asst0">
    <dgm:fillClrLst meth="repeat">
      <a:schemeClr val="accent4"/>
    </dgm:fillClrLst>
    <dgm:linClrLst meth="repeat">
      <a:schemeClr val="lt1">
        <a:shade val="80000"/>
      </a:schemeClr>
    </dgm:linClrLst>
    <dgm:effectClrLst/>
    <dgm:txLinClrLst/>
    <dgm:txFillClrLst/>
    <dgm:txEffectClrLst/>
  </dgm:styleLbl>
  <dgm:styleLbl name="asst1">
    <dgm:fillClrLst meth="repeat">
      <a:schemeClr val="accent5"/>
    </dgm:fillClrLst>
    <dgm:linClrLst meth="repeat">
      <a:schemeClr val="lt1">
        <a:shade val="80000"/>
      </a:schemeClr>
    </dgm:linClrLst>
    <dgm:effectClrLst/>
    <dgm:txLinClrLst/>
    <dgm:txFillClrLst/>
    <dgm:txEffectClrLst/>
  </dgm:styleLbl>
  <dgm:styleLbl name="asst2">
    <dgm:fillClrLst>
      <a:schemeClr val="accent6"/>
    </dgm:fillClrLst>
    <dgm:linClrLst meth="repeat">
      <a:schemeClr val="lt1"/>
    </dgm:linClrLst>
    <dgm:effectClrLst/>
    <dgm:txLinClrLst/>
    <dgm:txFillClrLst/>
    <dgm:txEffectClrLst/>
  </dgm:styleLbl>
  <dgm:styleLbl name="asst3">
    <dgm:fillClrLst>
      <a:schemeClr val="accent1"/>
    </dgm:fillClrLst>
    <dgm:linClrLst meth="repeat">
      <a:schemeClr val="lt1"/>
    </dgm:linClrLst>
    <dgm:effectClrLst/>
    <dgm:txLinClrLst/>
    <dgm:txFillClrLst/>
    <dgm:txEffectClrLst/>
  </dgm:styleLbl>
  <dgm:styleLbl name="asst4">
    <dgm:fillClrLst>
      <a:schemeClr val="accent2"/>
    </dgm:fillClrLst>
    <dgm:linClrLst meth="repeat">
      <a:schemeClr val="lt1"/>
    </dgm:linClrLst>
    <dgm:effectClrLst/>
    <dgm:txLinClrLst/>
    <dgm:txFillClrLst/>
    <dgm:txEffectClrLst/>
  </dgm:styleLbl>
  <dgm:styleLbl name="parChTrans2D1">
    <dgm:fillClrLst meth="repeat">
      <a:schemeClr val="accent4"/>
    </dgm:fillClrLst>
    <dgm:linClrLst meth="repeat">
      <a:schemeClr val="lt1"/>
    </dgm:linClrLst>
    <dgm:effectClrLst/>
    <dgm:txLinClrLst/>
    <dgm:txFillClrLst meth="repeat">
      <a:schemeClr val="lt1"/>
    </dgm:txFillClrLst>
    <dgm:txEffectClrLst/>
  </dgm:styleLbl>
  <dgm:styleLbl name="parChTrans2D2">
    <dgm:fillClrLst meth="repeat">
      <a:schemeClr val="accent5"/>
    </dgm:fillClrLst>
    <dgm:linClrLst meth="repeat">
      <a:schemeClr val="lt1"/>
    </dgm:linClrLst>
    <dgm:effectClrLst/>
    <dgm:txLinClrLst/>
    <dgm:txFillClrLst/>
    <dgm:txEffectClrLst/>
  </dgm:styleLbl>
  <dgm:styleLbl name="parChTrans2D3">
    <dgm:fillClrLst meth="repeat">
      <a:schemeClr val="accent5"/>
    </dgm:fillClrLst>
    <dgm:linClrLst meth="repeat">
      <a:schemeClr val="lt1"/>
    </dgm:linClrLst>
    <dgm:effectClrLst/>
    <dgm:txLinClrLst/>
    <dgm:txFillClrLst/>
    <dgm:txEffectClrLst/>
  </dgm:styleLbl>
  <dgm:styleLbl name="parChTrans2D4">
    <dgm:fillClrLst meth="repeat">
      <a:schemeClr val="accent6"/>
    </dgm:fillClrLst>
    <dgm:linClrLst meth="repeat">
      <a:schemeClr val="lt1"/>
    </dgm:linClrLst>
    <dgm:effectClrLst/>
    <dgm:txLinClrLst/>
    <dgm:txFillClrLst meth="repeat">
      <a:schemeClr val="lt1"/>
    </dgm:txFillClrLst>
    <dgm:txEffectClrLst/>
  </dgm:styleLbl>
  <dgm:styleLbl name="parChTrans1D1">
    <dgm:fillClrLst meth="repeat">
      <a:schemeClr val="accent4"/>
    </dgm:fillClrLst>
    <dgm:linClrLst meth="repeat">
      <a:schemeClr val="accent4"/>
    </dgm:linClrLst>
    <dgm:effectClrLst/>
    <dgm:txLinClrLst/>
    <dgm:txFillClrLst meth="repeat">
      <a:schemeClr val="tx1"/>
    </dgm:txFillClrLst>
    <dgm:txEffectClrLst/>
  </dgm:styleLbl>
  <dgm:styleLbl name="parChTrans1D2">
    <dgm:fillClrLst meth="repeat">
      <a:schemeClr val="accent4">
        <a:tint val="90000"/>
      </a:schemeClr>
    </dgm:fillClrLst>
    <dgm:linClrLst meth="repeat">
      <a:schemeClr val="accent5"/>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6"/>
    </dgm:linClrLst>
    <dgm:effectClrLst/>
    <dgm:txLinClrLst/>
    <dgm:txFillClrLst meth="repeat">
      <a:schemeClr val="tx1"/>
    </dgm:txFillClrLst>
    <dgm:txEffectClrLst/>
  </dgm:styleLbl>
  <dgm:styleLbl name="parChTrans1D4">
    <dgm:fillClrLst meth="repeat">
      <a:schemeClr val="accent4">
        <a:tint val="50000"/>
      </a:schemeClr>
    </dgm:fillClrLst>
    <dgm:linClrLst meth="repeat">
      <a:schemeClr val="accent1"/>
    </dgm:linClrLst>
    <dgm:effectClrLst/>
    <dgm:txLinClrLst/>
    <dgm:txFillClrLst meth="repeat">
      <a:schemeClr val="tx1"/>
    </dgm:txFillClrLst>
    <dgm:txEffectClrLst/>
  </dgm:styleLbl>
  <dgm:styleLbl name="fg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conFg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align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4"/>
    </dgm:linClrLst>
    <dgm:effectClrLst/>
    <dgm:txLinClrLst/>
    <dgm:txFillClrLst meth="repeat">
      <a:schemeClr val="dk1"/>
    </dgm:txFillClrLst>
    <dgm:txEffectClrLst/>
  </dgm:styleLbl>
  <dgm:styleLbl name="bg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solidFgAcc1">
    <dgm:fillClrLst meth="repeat">
      <a:schemeClr val="lt1"/>
    </dgm:fillClrLst>
    <dgm:linClrLst>
      <a:schemeClr val="accent4"/>
      <a:schemeClr val="accent5"/>
    </dgm:linClrLst>
    <dgm:effectClrLst/>
    <dgm:txLinClrLst/>
    <dgm:txFillClrLst meth="repeat">
      <a:schemeClr val="dk1"/>
    </dgm:txFillClrLst>
    <dgm:txEffectClrLst/>
  </dgm:styleLbl>
  <dgm:styleLbl name="solidAlignAcc1">
    <dgm:fillClrLst meth="repeat">
      <a:schemeClr val="lt1"/>
    </dgm:fillClrLst>
    <dgm:linClrLst>
      <a:schemeClr val="accent4"/>
      <a:schemeClr val="accent5"/>
    </dgm:linClrLst>
    <dgm:effectClrLst/>
    <dgm:txLinClrLst/>
    <dgm:txFillClrLst meth="repeat">
      <a:schemeClr val="dk1"/>
    </dgm:txFillClrLst>
    <dgm:txEffectClrLst/>
  </dgm:styleLbl>
  <dgm:styleLbl name="solidBgAcc1">
    <dgm:fillClrLst meth="repeat">
      <a:schemeClr val="lt1"/>
    </dgm:fillClrLst>
    <dgm:linClrLst>
      <a:schemeClr val="accent4"/>
      <a:schemeClr val="accent5"/>
    </dgm:linClrLst>
    <dgm:effectClrLst/>
    <dgm:txLinClrLst/>
    <dgm:txFillClrLst meth="repeat">
      <a:schemeClr val="dk1"/>
    </dgm:txFillClrLst>
    <dgm:txEffectClrLst/>
  </dgm:styleLbl>
  <dgm:styleLbl name="fgAccFollowNode1">
    <dgm:fillClrLst>
      <a:schemeClr val="accent4">
        <a:tint val="40000"/>
        <a:alpha val="90000"/>
      </a:schemeClr>
      <a:schemeClr val="accent5">
        <a:tint val="40000"/>
        <a:alpha val="90000"/>
      </a:schemeClr>
    </dgm:fillClrLst>
    <dgm:linClrLst>
      <a:schemeClr val="accent4">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4">
        <a:tint val="40000"/>
        <a:alpha val="90000"/>
      </a:schemeClr>
      <a:schemeClr val="accent5">
        <a:tint val="40000"/>
        <a:alpha val="90000"/>
      </a:schemeClr>
    </dgm:fillClrLst>
    <dgm:linClrLst>
      <a:schemeClr val="accent4">
        <a:tint val="40000"/>
        <a:alpha val="90000"/>
      </a:schemeClr>
      <a:schemeClr val="accent5">
        <a:tint val="40000"/>
        <a:alpha val="90000"/>
      </a:schemeClr>
    </dgm:linClrLst>
    <dgm:effectClrLst/>
    <dgm:txLinClrLst/>
    <dgm:txFillClrLst meth="repeat">
      <a:schemeClr val="dk1"/>
    </dgm:txFillClrLst>
    <dgm:txEffectClrLst/>
  </dgm:styleLbl>
  <dgm:styleLbl name="bgAccFollowNode1">
    <dgm:fillClrLst>
      <a:schemeClr val="accent4">
        <a:tint val="40000"/>
        <a:alpha val="90000"/>
      </a:schemeClr>
      <a:schemeClr val="accent5">
        <a:tint val="40000"/>
        <a:alpha val="90000"/>
      </a:schemeClr>
    </dgm:fillClrLst>
    <dgm:linClrLst>
      <a:schemeClr val="accent4">
        <a:tint val="40000"/>
        <a:alpha val="90000"/>
      </a:schemeClr>
      <a:schemeClr val="accent5">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3"/>
    </dgm:linClrLst>
    <dgm:effectClrLst/>
    <dgm:txLinClrLst/>
    <dgm:txFillClrLst meth="repeat">
      <a:schemeClr val="dk1"/>
    </dgm:txFillClrLst>
    <dgm:txEffectClrLst/>
  </dgm:styleLbl>
  <dgm:styleLbl name="fgAcc2">
    <dgm:fillClrLst meth="repeat">
      <a:schemeClr val="lt1">
        <a:alpha val="90000"/>
      </a:schemeClr>
    </dgm:fillClrLst>
    <dgm:linClrLst>
      <a:schemeClr val="accent5"/>
    </dgm:linClrLst>
    <dgm:effectClrLst/>
    <dgm:txLinClrLst/>
    <dgm:txFillClrLst meth="repeat">
      <a:schemeClr val="dk1"/>
    </dgm:txFillClrLst>
    <dgm:txEffectClrLst/>
  </dgm:styleLbl>
  <dgm:styleLbl name="fgAcc3">
    <dgm:fillClrLst meth="repeat">
      <a:schemeClr val="lt1">
        <a:alpha val="90000"/>
      </a:schemeClr>
    </dgm:fillClrLst>
    <dgm:linClrLst>
      <a:schemeClr val="accent6"/>
    </dgm:linClrLst>
    <dgm:effectClrLst/>
    <dgm:txLinClrLst/>
    <dgm:txFillClrLst meth="repeat">
      <a:schemeClr val="dk1"/>
    </dgm:txFillClrLst>
    <dgm:txEffectClrLst/>
  </dgm:styleLbl>
  <dgm:styleLbl name="fgAcc4">
    <dgm:fillClrLst meth="repeat">
      <a:schemeClr val="lt1">
        <a:alpha val="90000"/>
      </a:schemeClr>
    </dgm:fillClrLst>
    <dgm:linClrLst>
      <a:schemeClr val="accent1"/>
    </dgm:linClrLst>
    <dgm:effectClrLst/>
    <dgm:txLinClrLst/>
    <dgm:txFillClrLst meth="repeat">
      <a:schemeClr val="dk1"/>
    </dgm:txFillClrLst>
    <dgm:txEffectClrLst/>
  </dgm:styleLbl>
  <dgm:styleLbl name="bgShp">
    <dgm:fillClrLst meth="repeat">
      <a:schemeClr val="accent4">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4">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4">
        <a:tint val="50000"/>
        <a:alpha val="40000"/>
      </a:schemeClr>
    </dgm:fillClrLst>
    <dgm:linClrLst meth="repeat">
      <a:schemeClr val="accent4"/>
    </dgm:linClrLst>
    <dgm:effectClrLst/>
    <dgm:txLinClrLst/>
    <dgm:txFillClrLst meth="repeat">
      <a:schemeClr val="lt1"/>
    </dgm:txFillClrLst>
    <dgm:txEffectClrLst/>
  </dgm:styleLbl>
  <dgm:styleLbl name="fgShp">
    <dgm:fillClrLst meth="repeat">
      <a:schemeClr val="accent4">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colorful4">
  <dgm:title val=""/>
  <dgm:desc val=""/>
  <dgm:catLst>
    <dgm:cat type="colorful" pri="10400"/>
  </dgm:catLst>
  <dgm:styleLbl name="node0">
    <dgm:fillClrLst meth="repeat">
      <a:schemeClr val="accent3"/>
    </dgm:fillClrLst>
    <dgm:linClrLst meth="repeat">
      <a:schemeClr val="lt1"/>
    </dgm:linClrLst>
    <dgm:effectClrLst/>
    <dgm:txLinClrLst/>
    <dgm:txFillClrLst/>
    <dgm:txEffectClrLst/>
  </dgm:styleLbl>
  <dgm:styleLbl name="node1">
    <dgm:fillClrLst>
      <a:schemeClr val="accent4"/>
      <a:schemeClr val="accent5"/>
    </dgm:fillClrLst>
    <dgm:linClrLst meth="repeat">
      <a:schemeClr val="lt1"/>
    </dgm:linClrLst>
    <dgm:effectClrLst/>
    <dgm:txLinClrLst/>
    <dgm:txFillClrLst/>
    <dgm:txEffectClrLst/>
  </dgm:styleLbl>
  <dgm:styleLbl name="alignNode1">
    <dgm:fillClrLst>
      <a:schemeClr val="accent4"/>
      <a:schemeClr val="accent5"/>
    </dgm:fillClrLst>
    <dgm:linClrLst>
      <a:schemeClr val="accent4"/>
      <a:schemeClr val="accent5"/>
    </dgm:linClrLst>
    <dgm:effectClrLst/>
    <dgm:txLinClrLst/>
    <dgm:txFillClrLst/>
    <dgm:txEffectClrLst/>
  </dgm:styleLbl>
  <dgm:styleLbl name="lnNode1">
    <dgm:fillClrLst>
      <a:schemeClr val="accent4"/>
      <a:schemeClr val="accent5"/>
    </dgm:fillClrLst>
    <dgm:linClrLst meth="repeat">
      <a:schemeClr val="lt1"/>
    </dgm:linClrLst>
    <dgm:effectClrLst/>
    <dgm:txLinClrLst/>
    <dgm:txFillClrLst/>
    <dgm:txEffectClrLst/>
  </dgm:styleLbl>
  <dgm:styleLbl name="vennNode1">
    <dgm:fillClrLst>
      <a:schemeClr val="accent4">
        <a:alpha val="50000"/>
      </a:schemeClr>
      <a:schemeClr val="accent5">
        <a:alpha val="50000"/>
      </a:schemeClr>
    </dgm:fillClrLst>
    <dgm:linClrLst meth="repeat">
      <a:schemeClr val="lt1"/>
    </dgm:linClrLst>
    <dgm:effectClrLst/>
    <dgm:txLinClrLst/>
    <dgm:txFillClrLst/>
    <dgm:txEffectClrLst/>
  </dgm:styleLbl>
  <dgm:styleLbl name="node2">
    <dgm:fillClrLst>
      <a:schemeClr val="accent5"/>
    </dgm:fillClrLst>
    <dgm:linClrLst meth="repeat">
      <a:schemeClr val="lt1"/>
    </dgm:linClrLst>
    <dgm:effectClrLst/>
    <dgm:txLinClrLst/>
    <dgm:txFillClrLst/>
    <dgm:txEffectClrLst/>
  </dgm:styleLbl>
  <dgm:styleLbl name="node3">
    <dgm:fillClrLst>
      <a:schemeClr val="accent6"/>
    </dgm:fillClrLst>
    <dgm:linClrLst meth="repeat">
      <a:schemeClr val="lt1"/>
    </dgm:linClrLst>
    <dgm:effectClrLst/>
    <dgm:txLinClrLst/>
    <dgm:txFillClrLst/>
    <dgm:txEffectClrLst/>
  </dgm:styleLbl>
  <dgm:styleLbl name="node4">
    <dgm:fillClrLst>
      <a:schemeClr val="accent1"/>
    </dgm:fillClrLst>
    <dgm:linClrLst meth="repeat">
      <a:schemeClr val="lt1"/>
    </dgm:linClrLst>
    <dgm:effectClrLst/>
    <dgm:txLinClrLst/>
    <dgm:txFillClrLst/>
    <dgm:txEffectClrLst/>
  </dgm:styleLbl>
  <dgm:styleLbl name="fgImgPlace1">
    <dgm:fillClrLst>
      <a:schemeClr val="accent4">
        <a:tint val="50000"/>
      </a:schemeClr>
      <a:schemeClr val="accent5">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4">
        <a:tint val="50000"/>
      </a:schemeClr>
      <a:schemeClr val="accent5">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4">
        <a:tint val="50000"/>
      </a:schemeClr>
      <a:schemeClr val="accent5">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4"/>
      <a:schemeClr val="accent5"/>
    </dgm:fillClrLst>
    <dgm:linClrLst meth="repeat">
      <a:schemeClr val="lt1"/>
    </dgm:linClrLst>
    <dgm:effectClrLst/>
    <dgm:txLinClrLst/>
    <dgm:txFillClrLst/>
    <dgm:txEffectClrLst/>
  </dgm:styleLbl>
  <dgm:styleLbl name="fgSibTrans2D1">
    <dgm:fillClrLst>
      <a:schemeClr val="accent4"/>
      <a:schemeClr val="accent5"/>
    </dgm:fillClrLst>
    <dgm:linClrLst meth="repeat">
      <a:schemeClr val="lt1"/>
    </dgm:linClrLst>
    <dgm:effectClrLst/>
    <dgm:txLinClrLst/>
    <dgm:txFillClrLst meth="repeat">
      <a:schemeClr val="lt1"/>
    </dgm:txFillClrLst>
    <dgm:txEffectClrLst/>
  </dgm:styleLbl>
  <dgm:styleLbl name="bgSibTrans2D1">
    <dgm:fillClrLst>
      <a:schemeClr val="accent4"/>
      <a:schemeClr val="accent5"/>
    </dgm:fillClrLst>
    <dgm:linClrLst meth="repeat">
      <a:schemeClr val="lt1"/>
    </dgm:linClrLst>
    <dgm:effectClrLst/>
    <dgm:txLinClrLst/>
    <dgm:txFillClrLst meth="repeat">
      <a:schemeClr val="lt1"/>
    </dgm:txFillClrLst>
    <dgm:txEffectClrLst/>
  </dgm:styleLbl>
  <dgm:styleLbl name="sibTrans1D1">
    <dgm:fillClrLst/>
    <dgm:linClrLst>
      <a:schemeClr val="accent4"/>
      <a:schemeClr val="accent5"/>
    </dgm:linClrLst>
    <dgm:effectClrLst/>
    <dgm:txLinClrLst/>
    <dgm:txFillClrLst meth="repeat">
      <a:schemeClr val="tx1"/>
    </dgm:txFillClrLst>
    <dgm:txEffectClrLst/>
  </dgm:styleLbl>
  <dgm:styleLbl name="callout">
    <dgm:fillClrLst meth="repeat">
      <a:schemeClr val="accent4"/>
    </dgm:fillClrLst>
    <dgm:linClrLst meth="repeat">
      <a:schemeClr val="accent4">
        <a:tint val="50000"/>
      </a:schemeClr>
    </dgm:linClrLst>
    <dgm:effectClrLst/>
    <dgm:txLinClrLst/>
    <dgm:txFillClrLst meth="repeat">
      <a:schemeClr val="tx1"/>
    </dgm:txFillClrLst>
    <dgm:txEffectClrLst/>
  </dgm:styleLbl>
  <dgm:styleLbl name="asst0">
    <dgm:fillClrLst meth="repeat">
      <a:schemeClr val="accent4"/>
    </dgm:fillClrLst>
    <dgm:linClrLst meth="repeat">
      <a:schemeClr val="lt1">
        <a:shade val="80000"/>
      </a:schemeClr>
    </dgm:linClrLst>
    <dgm:effectClrLst/>
    <dgm:txLinClrLst/>
    <dgm:txFillClrLst/>
    <dgm:txEffectClrLst/>
  </dgm:styleLbl>
  <dgm:styleLbl name="asst1">
    <dgm:fillClrLst meth="repeat">
      <a:schemeClr val="accent5"/>
    </dgm:fillClrLst>
    <dgm:linClrLst meth="repeat">
      <a:schemeClr val="lt1">
        <a:shade val="80000"/>
      </a:schemeClr>
    </dgm:linClrLst>
    <dgm:effectClrLst/>
    <dgm:txLinClrLst/>
    <dgm:txFillClrLst/>
    <dgm:txEffectClrLst/>
  </dgm:styleLbl>
  <dgm:styleLbl name="asst2">
    <dgm:fillClrLst>
      <a:schemeClr val="accent6"/>
    </dgm:fillClrLst>
    <dgm:linClrLst meth="repeat">
      <a:schemeClr val="lt1"/>
    </dgm:linClrLst>
    <dgm:effectClrLst/>
    <dgm:txLinClrLst/>
    <dgm:txFillClrLst/>
    <dgm:txEffectClrLst/>
  </dgm:styleLbl>
  <dgm:styleLbl name="asst3">
    <dgm:fillClrLst>
      <a:schemeClr val="accent1"/>
    </dgm:fillClrLst>
    <dgm:linClrLst meth="repeat">
      <a:schemeClr val="lt1"/>
    </dgm:linClrLst>
    <dgm:effectClrLst/>
    <dgm:txLinClrLst/>
    <dgm:txFillClrLst/>
    <dgm:txEffectClrLst/>
  </dgm:styleLbl>
  <dgm:styleLbl name="asst4">
    <dgm:fillClrLst>
      <a:schemeClr val="accent2"/>
    </dgm:fillClrLst>
    <dgm:linClrLst meth="repeat">
      <a:schemeClr val="lt1"/>
    </dgm:linClrLst>
    <dgm:effectClrLst/>
    <dgm:txLinClrLst/>
    <dgm:txFillClrLst/>
    <dgm:txEffectClrLst/>
  </dgm:styleLbl>
  <dgm:styleLbl name="parChTrans2D1">
    <dgm:fillClrLst meth="repeat">
      <a:schemeClr val="accent4"/>
    </dgm:fillClrLst>
    <dgm:linClrLst meth="repeat">
      <a:schemeClr val="lt1"/>
    </dgm:linClrLst>
    <dgm:effectClrLst/>
    <dgm:txLinClrLst/>
    <dgm:txFillClrLst meth="repeat">
      <a:schemeClr val="lt1"/>
    </dgm:txFillClrLst>
    <dgm:txEffectClrLst/>
  </dgm:styleLbl>
  <dgm:styleLbl name="parChTrans2D2">
    <dgm:fillClrLst meth="repeat">
      <a:schemeClr val="accent5"/>
    </dgm:fillClrLst>
    <dgm:linClrLst meth="repeat">
      <a:schemeClr val="lt1"/>
    </dgm:linClrLst>
    <dgm:effectClrLst/>
    <dgm:txLinClrLst/>
    <dgm:txFillClrLst/>
    <dgm:txEffectClrLst/>
  </dgm:styleLbl>
  <dgm:styleLbl name="parChTrans2D3">
    <dgm:fillClrLst meth="repeat">
      <a:schemeClr val="accent5"/>
    </dgm:fillClrLst>
    <dgm:linClrLst meth="repeat">
      <a:schemeClr val="lt1"/>
    </dgm:linClrLst>
    <dgm:effectClrLst/>
    <dgm:txLinClrLst/>
    <dgm:txFillClrLst/>
    <dgm:txEffectClrLst/>
  </dgm:styleLbl>
  <dgm:styleLbl name="parChTrans2D4">
    <dgm:fillClrLst meth="repeat">
      <a:schemeClr val="accent6"/>
    </dgm:fillClrLst>
    <dgm:linClrLst meth="repeat">
      <a:schemeClr val="lt1"/>
    </dgm:linClrLst>
    <dgm:effectClrLst/>
    <dgm:txLinClrLst/>
    <dgm:txFillClrLst meth="repeat">
      <a:schemeClr val="lt1"/>
    </dgm:txFillClrLst>
    <dgm:txEffectClrLst/>
  </dgm:styleLbl>
  <dgm:styleLbl name="parChTrans1D1">
    <dgm:fillClrLst meth="repeat">
      <a:schemeClr val="accent4"/>
    </dgm:fillClrLst>
    <dgm:linClrLst meth="repeat">
      <a:schemeClr val="accent4"/>
    </dgm:linClrLst>
    <dgm:effectClrLst/>
    <dgm:txLinClrLst/>
    <dgm:txFillClrLst meth="repeat">
      <a:schemeClr val="tx1"/>
    </dgm:txFillClrLst>
    <dgm:txEffectClrLst/>
  </dgm:styleLbl>
  <dgm:styleLbl name="parChTrans1D2">
    <dgm:fillClrLst meth="repeat">
      <a:schemeClr val="accent4">
        <a:tint val="90000"/>
      </a:schemeClr>
    </dgm:fillClrLst>
    <dgm:linClrLst meth="repeat">
      <a:schemeClr val="accent5"/>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6"/>
    </dgm:linClrLst>
    <dgm:effectClrLst/>
    <dgm:txLinClrLst/>
    <dgm:txFillClrLst meth="repeat">
      <a:schemeClr val="tx1"/>
    </dgm:txFillClrLst>
    <dgm:txEffectClrLst/>
  </dgm:styleLbl>
  <dgm:styleLbl name="parChTrans1D4">
    <dgm:fillClrLst meth="repeat">
      <a:schemeClr val="accent4">
        <a:tint val="50000"/>
      </a:schemeClr>
    </dgm:fillClrLst>
    <dgm:linClrLst meth="repeat">
      <a:schemeClr val="accent1"/>
    </dgm:linClrLst>
    <dgm:effectClrLst/>
    <dgm:txLinClrLst/>
    <dgm:txFillClrLst meth="repeat">
      <a:schemeClr val="tx1"/>
    </dgm:txFillClrLst>
    <dgm:txEffectClrLst/>
  </dgm:styleLbl>
  <dgm:styleLbl name="fg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conFg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align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4"/>
    </dgm:linClrLst>
    <dgm:effectClrLst/>
    <dgm:txLinClrLst/>
    <dgm:txFillClrLst meth="repeat">
      <a:schemeClr val="dk1"/>
    </dgm:txFillClrLst>
    <dgm:txEffectClrLst/>
  </dgm:styleLbl>
  <dgm:styleLbl name="bg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solidFgAcc1">
    <dgm:fillClrLst meth="repeat">
      <a:schemeClr val="lt1"/>
    </dgm:fillClrLst>
    <dgm:linClrLst>
      <a:schemeClr val="accent4"/>
      <a:schemeClr val="accent5"/>
    </dgm:linClrLst>
    <dgm:effectClrLst/>
    <dgm:txLinClrLst/>
    <dgm:txFillClrLst meth="repeat">
      <a:schemeClr val="dk1"/>
    </dgm:txFillClrLst>
    <dgm:txEffectClrLst/>
  </dgm:styleLbl>
  <dgm:styleLbl name="solidAlignAcc1">
    <dgm:fillClrLst meth="repeat">
      <a:schemeClr val="lt1"/>
    </dgm:fillClrLst>
    <dgm:linClrLst>
      <a:schemeClr val="accent4"/>
      <a:schemeClr val="accent5"/>
    </dgm:linClrLst>
    <dgm:effectClrLst/>
    <dgm:txLinClrLst/>
    <dgm:txFillClrLst meth="repeat">
      <a:schemeClr val="dk1"/>
    </dgm:txFillClrLst>
    <dgm:txEffectClrLst/>
  </dgm:styleLbl>
  <dgm:styleLbl name="solidBgAcc1">
    <dgm:fillClrLst meth="repeat">
      <a:schemeClr val="lt1"/>
    </dgm:fillClrLst>
    <dgm:linClrLst>
      <a:schemeClr val="accent4"/>
      <a:schemeClr val="accent5"/>
    </dgm:linClrLst>
    <dgm:effectClrLst/>
    <dgm:txLinClrLst/>
    <dgm:txFillClrLst meth="repeat">
      <a:schemeClr val="dk1"/>
    </dgm:txFillClrLst>
    <dgm:txEffectClrLst/>
  </dgm:styleLbl>
  <dgm:styleLbl name="fgAccFollowNode1">
    <dgm:fillClrLst>
      <a:schemeClr val="accent4">
        <a:tint val="40000"/>
        <a:alpha val="90000"/>
      </a:schemeClr>
      <a:schemeClr val="accent5">
        <a:tint val="40000"/>
        <a:alpha val="90000"/>
      </a:schemeClr>
    </dgm:fillClrLst>
    <dgm:linClrLst>
      <a:schemeClr val="accent4">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4">
        <a:tint val="40000"/>
        <a:alpha val="90000"/>
      </a:schemeClr>
      <a:schemeClr val="accent5">
        <a:tint val="40000"/>
        <a:alpha val="90000"/>
      </a:schemeClr>
    </dgm:fillClrLst>
    <dgm:linClrLst>
      <a:schemeClr val="accent4">
        <a:tint val="40000"/>
        <a:alpha val="90000"/>
      </a:schemeClr>
      <a:schemeClr val="accent5">
        <a:tint val="40000"/>
        <a:alpha val="90000"/>
      </a:schemeClr>
    </dgm:linClrLst>
    <dgm:effectClrLst/>
    <dgm:txLinClrLst/>
    <dgm:txFillClrLst meth="repeat">
      <a:schemeClr val="dk1"/>
    </dgm:txFillClrLst>
    <dgm:txEffectClrLst/>
  </dgm:styleLbl>
  <dgm:styleLbl name="bgAccFollowNode1">
    <dgm:fillClrLst>
      <a:schemeClr val="accent4">
        <a:tint val="40000"/>
        <a:alpha val="90000"/>
      </a:schemeClr>
      <a:schemeClr val="accent5">
        <a:tint val="40000"/>
        <a:alpha val="90000"/>
      </a:schemeClr>
    </dgm:fillClrLst>
    <dgm:linClrLst>
      <a:schemeClr val="accent4">
        <a:tint val="40000"/>
        <a:alpha val="90000"/>
      </a:schemeClr>
      <a:schemeClr val="accent5">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3"/>
    </dgm:linClrLst>
    <dgm:effectClrLst/>
    <dgm:txLinClrLst/>
    <dgm:txFillClrLst meth="repeat">
      <a:schemeClr val="dk1"/>
    </dgm:txFillClrLst>
    <dgm:txEffectClrLst/>
  </dgm:styleLbl>
  <dgm:styleLbl name="fgAcc2">
    <dgm:fillClrLst meth="repeat">
      <a:schemeClr val="lt1">
        <a:alpha val="90000"/>
      </a:schemeClr>
    </dgm:fillClrLst>
    <dgm:linClrLst>
      <a:schemeClr val="accent5"/>
    </dgm:linClrLst>
    <dgm:effectClrLst/>
    <dgm:txLinClrLst/>
    <dgm:txFillClrLst meth="repeat">
      <a:schemeClr val="dk1"/>
    </dgm:txFillClrLst>
    <dgm:txEffectClrLst/>
  </dgm:styleLbl>
  <dgm:styleLbl name="fgAcc3">
    <dgm:fillClrLst meth="repeat">
      <a:schemeClr val="lt1">
        <a:alpha val="90000"/>
      </a:schemeClr>
    </dgm:fillClrLst>
    <dgm:linClrLst>
      <a:schemeClr val="accent6"/>
    </dgm:linClrLst>
    <dgm:effectClrLst/>
    <dgm:txLinClrLst/>
    <dgm:txFillClrLst meth="repeat">
      <a:schemeClr val="dk1"/>
    </dgm:txFillClrLst>
    <dgm:txEffectClrLst/>
  </dgm:styleLbl>
  <dgm:styleLbl name="fgAcc4">
    <dgm:fillClrLst meth="repeat">
      <a:schemeClr val="lt1">
        <a:alpha val="90000"/>
      </a:schemeClr>
    </dgm:fillClrLst>
    <dgm:linClrLst>
      <a:schemeClr val="accent1"/>
    </dgm:linClrLst>
    <dgm:effectClrLst/>
    <dgm:txLinClrLst/>
    <dgm:txFillClrLst meth="repeat">
      <a:schemeClr val="dk1"/>
    </dgm:txFillClrLst>
    <dgm:txEffectClrLst/>
  </dgm:styleLbl>
  <dgm:styleLbl name="bgShp">
    <dgm:fillClrLst meth="repeat">
      <a:schemeClr val="accent4">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4">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4">
        <a:tint val="50000"/>
        <a:alpha val="40000"/>
      </a:schemeClr>
    </dgm:fillClrLst>
    <dgm:linClrLst meth="repeat">
      <a:schemeClr val="accent4"/>
    </dgm:linClrLst>
    <dgm:effectClrLst/>
    <dgm:txLinClrLst/>
    <dgm:txFillClrLst meth="repeat">
      <a:schemeClr val="lt1"/>
    </dgm:txFillClrLst>
    <dgm:txEffectClrLst/>
  </dgm:styleLbl>
  <dgm:styleLbl name="fgShp">
    <dgm:fillClrLst meth="repeat">
      <a:schemeClr val="accent4">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colorful4">
  <dgm:title val=""/>
  <dgm:desc val=""/>
  <dgm:catLst>
    <dgm:cat type="colorful" pri="10400"/>
  </dgm:catLst>
  <dgm:styleLbl name="node0">
    <dgm:fillClrLst meth="repeat">
      <a:schemeClr val="accent3"/>
    </dgm:fillClrLst>
    <dgm:linClrLst meth="repeat">
      <a:schemeClr val="lt1"/>
    </dgm:linClrLst>
    <dgm:effectClrLst/>
    <dgm:txLinClrLst/>
    <dgm:txFillClrLst/>
    <dgm:txEffectClrLst/>
  </dgm:styleLbl>
  <dgm:styleLbl name="node1">
    <dgm:fillClrLst>
      <a:schemeClr val="accent4"/>
      <a:schemeClr val="accent5"/>
    </dgm:fillClrLst>
    <dgm:linClrLst meth="repeat">
      <a:schemeClr val="lt1"/>
    </dgm:linClrLst>
    <dgm:effectClrLst/>
    <dgm:txLinClrLst/>
    <dgm:txFillClrLst/>
    <dgm:txEffectClrLst/>
  </dgm:styleLbl>
  <dgm:styleLbl name="alignNode1">
    <dgm:fillClrLst>
      <a:schemeClr val="accent4"/>
      <a:schemeClr val="accent5"/>
    </dgm:fillClrLst>
    <dgm:linClrLst>
      <a:schemeClr val="accent4"/>
      <a:schemeClr val="accent5"/>
    </dgm:linClrLst>
    <dgm:effectClrLst/>
    <dgm:txLinClrLst/>
    <dgm:txFillClrLst/>
    <dgm:txEffectClrLst/>
  </dgm:styleLbl>
  <dgm:styleLbl name="lnNode1">
    <dgm:fillClrLst>
      <a:schemeClr val="accent4"/>
      <a:schemeClr val="accent5"/>
    </dgm:fillClrLst>
    <dgm:linClrLst meth="repeat">
      <a:schemeClr val="lt1"/>
    </dgm:linClrLst>
    <dgm:effectClrLst/>
    <dgm:txLinClrLst/>
    <dgm:txFillClrLst/>
    <dgm:txEffectClrLst/>
  </dgm:styleLbl>
  <dgm:styleLbl name="vennNode1">
    <dgm:fillClrLst>
      <a:schemeClr val="accent4">
        <a:alpha val="50000"/>
      </a:schemeClr>
      <a:schemeClr val="accent5">
        <a:alpha val="50000"/>
      </a:schemeClr>
    </dgm:fillClrLst>
    <dgm:linClrLst meth="repeat">
      <a:schemeClr val="lt1"/>
    </dgm:linClrLst>
    <dgm:effectClrLst/>
    <dgm:txLinClrLst/>
    <dgm:txFillClrLst/>
    <dgm:txEffectClrLst/>
  </dgm:styleLbl>
  <dgm:styleLbl name="node2">
    <dgm:fillClrLst>
      <a:schemeClr val="accent5"/>
    </dgm:fillClrLst>
    <dgm:linClrLst meth="repeat">
      <a:schemeClr val="lt1"/>
    </dgm:linClrLst>
    <dgm:effectClrLst/>
    <dgm:txLinClrLst/>
    <dgm:txFillClrLst/>
    <dgm:txEffectClrLst/>
  </dgm:styleLbl>
  <dgm:styleLbl name="node3">
    <dgm:fillClrLst>
      <a:schemeClr val="accent6"/>
    </dgm:fillClrLst>
    <dgm:linClrLst meth="repeat">
      <a:schemeClr val="lt1"/>
    </dgm:linClrLst>
    <dgm:effectClrLst/>
    <dgm:txLinClrLst/>
    <dgm:txFillClrLst/>
    <dgm:txEffectClrLst/>
  </dgm:styleLbl>
  <dgm:styleLbl name="node4">
    <dgm:fillClrLst>
      <a:schemeClr val="accent1"/>
    </dgm:fillClrLst>
    <dgm:linClrLst meth="repeat">
      <a:schemeClr val="lt1"/>
    </dgm:linClrLst>
    <dgm:effectClrLst/>
    <dgm:txLinClrLst/>
    <dgm:txFillClrLst/>
    <dgm:txEffectClrLst/>
  </dgm:styleLbl>
  <dgm:styleLbl name="fgImgPlace1">
    <dgm:fillClrLst>
      <a:schemeClr val="accent4">
        <a:tint val="50000"/>
      </a:schemeClr>
      <a:schemeClr val="accent5">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4">
        <a:tint val="50000"/>
      </a:schemeClr>
      <a:schemeClr val="accent5">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4">
        <a:tint val="50000"/>
      </a:schemeClr>
      <a:schemeClr val="accent5">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4"/>
      <a:schemeClr val="accent5"/>
    </dgm:fillClrLst>
    <dgm:linClrLst meth="repeat">
      <a:schemeClr val="lt1"/>
    </dgm:linClrLst>
    <dgm:effectClrLst/>
    <dgm:txLinClrLst/>
    <dgm:txFillClrLst/>
    <dgm:txEffectClrLst/>
  </dgm:styleLbl>
  <dgm:styleLbl name="fgSibTrans2D1">
    <dgm:fillClrLst>
      <a:schemeClr val="accent4"/>
      <a:schemeClr val="accent5"/>
    </dgm:fillClrLst>
    <dgm:linClrLst meth="repeat">
      <a:schemeClr val="lt1"/>
    </dgm:linClrLst>
    <dgm:effectClrLst/>
    <dgm:txLinClrLst/>
    <dgm:txFillClrLst meth="repeat">
      <a:schemeClr val="lt1"/>
    </dgm:txFillClrLst>
    <dgm:txEffectClrLst/>
  </dgm:styleLbl>
  <dgm:styleLbl name="bgSibTrans2D1">
    <dgm:fillClrLst>
      <a:schemeClr val="accent4"/>
      <a:schemeClr val="accent5"/>
    </dgm:fillClrLst>
    <dgm:linClrLst meth="repeat">
      <a:schemeClr val="lt1"/>
    </dgm:linClrLst>
    <dgm:effectClrLst/>
    <dgm:txLinClrLst/>
    <dgm:txFillClrLst meth="repeat">
      <a:schemeClr val="lt1"/>
    </dgm:txFillClrLst>
    <dgm:txEffectClrLst/>
  </dgm:styleLbl>
  <dgm:styleLbl name="sibTrans1D1">
    <dgm:fillClrLst/>
    <dgm:linClrLst>
      <a:schemeClr val="accent4"/>
      <a:schemeClr val="accent5"/>
    </dgm:linClrLst>
    <dgm:effectClrLst/>
    <dgm:txLinClrLst/>
    <dgm:txFillClrLst meth="repeat">
      <a:schemeClr val="tx1"/>
    </dgm:txFillClrLst>
    <dgm:txEffectClrLst/>
  </dgm:styleLbl>
  <dgm:styleLbl name="callout">
    <dgm:fillClrLst meth="repeat">
      <a:schemeClr val="accent4"/>
    </dgm:fillClrLst>
    <dgm:linClrLst meth="repeat">
      <a:schemeClr val="accent4">
        <a:tint val="50000"/>
      </a:schemeClr>
    </dgm:linClrLst>
    <dgm:effectClrLst/>
    <dgm:txLinClrLst/>
    <dgm:txFillClrLst meth="repeat">
      <a:schemeClr val="tx1"/>
    </dgm:txFillClrLst>
    <dgm:txEffectClrLst/>
  </dgm:styleLbl>
  <dgm:styleLbl name="asst0">
    <dgm:fillClrLst meth="repeat">
      <a:schemeClr val="accent4"/>
    </dgm:fillClrLst>
    <dgm:linClrLst meth="repeat">
      <a:schemeClr val="lt1">
        <a:shade val="80000"/>
      </a:schemeClr>
    </dgm:linClrLst>
    <dgm:effectClrLst/>
    <dgm:txLinClrLst/>
    <dgm:txFillClrLst/>
    <dgm:txEffectClrLst/>
  </dgm:styleLbl>
  <dgm:styleLbl name="asst1">
    <dgm:fillClrLst meth="repeat">
      <a:schemeClr val="accent5"/>
    </dgm:fillClrLst>
    <dgm:linClrLst meth="repeat">
      <a:schemeClr val="lt1">
        <a:shade val="80000"/>
      </a:schemeClr>
    </dgm:linClrLst>
    <dgm:effectClrLst/>
    <dgm:txLinClrLst/>
    <dgm:txFillClrLst/>
    <dgm:txEffectClrLst/>
  </dgm:styleLbl>
  <dgm:styleLbl name="asst2">
    <dgm:fillClrLst>
      <a:schemeClr val="accent6"/>
    </dgm:fillClrLst>
    <dgm:linClrLst meth="repeat">
      <a:schemeClr val="lt1"/>
    </dgm:linClrLst>
    <dgm:effectClrLst/>
    <dgm:txLinClrLst/>
    <dgm:txFillClrLst/>
    <dgm:txEffectClrLst/>
  </dgm:styleLbl>
  <dgm:styleLbl name="asst3">
    <dgm:fillClrLst>
      <a:schemeClr val="accent1"/>
    </dgm:fillClrLst>
    <dgm:linClrLst meth="repeat">
      <a:schemeClr val="lt1"/>
    </dgm:linClrLst>
    <dgm:effectClrLst/>
    <dgm:txLinClrLst/>
    <dgm:txFillClrLst/>
    <dgm:txEffectClrLst/>
  </dgm:styleLbl>
  <dgm:styleLbl name="asst4">
    <dgm:fillClrLst>
      <a:schemeClr val="accent2"/>
    </dgm:fillClrLst>
    <dgm:linClrLst meth="repeat">
      <a:schemeClr val="lt1"/>
    </dgm:linClrLst>
    <dgm:effectClrLst/>
    <dgm:txLinClrLst/>
    <dgm:txFillClrLst/>
    <dgm:txEffectClrLst/>
  </dgm:styleLbl>
  <dgm:styleLbl name="parChTrans2D1">
    <dgm:fillClrLst meth="repeat">
      <a:schemeClr val="accent4"/>
    </dgm:fillClrLst>
    <dgm:linClrLst meth="repeat">
      <a:schemeClr val="lt1"/>
    </dgm:linClrLst>
    <dgm:effectClrLst/>
    <dgm:txLinClrLst/>
    <dgm:txFillClrLst meth="repeat">
      <a:schemeClr val="lt1"/>
    </dgm:txFillClrLst>
    <dgm:txEffectClrLst/>
  </dgm:styleLbl>
  <dgm:styleLbl name="parChTrans2D2">
    <dgm:fillClrLst meth="repeat">
      <a:schemeClr val="accent5"/>
    </dgm:fillClrLst>
    <dgm:linClrLst meth="repeat">
      <a:schemeClr val="lt1"/>
    </dgm:linClrLst>
    <dgm:effectClrLst/>
    <dgm:txLinClrLst/>
    <dgm:txFillClrLst/>
    <dgm:txEffectClrLst/>
  </dgm:styleLbl>
  <dgm:styleLbl name="parChTrans2D3">
    <dgm:fillClrLst meth="repeat">
      <a:schemeClr val="accent5"/>
    </dgm:fillClrLst>
    <dgm:linClrLst meth="repeat">
      <a:schemeClr val="lt1"/>
    </dgm:linClrLst>
    <dgm:effectClrLst/>
    <dgm:txLinClrLst/>
    <dgm:txFillClrLst/>
    <dgm:txEffectClrLst/>
  </dgm:styleLbl>
  <dgm:styleLbl name="parChTrans2D4">
    <dgm:fillClrLst meth="repeat">
      <a:schemeClr val="accent6"/>
    </dgm:fillClrLst>
    <dgm:linClrLst meth="repeat">
      <a:schemeClr val="lt1"/>
    </dgm:linClrLst>
    <dgm:effectClrLst/>
    <dgm:txLinClrLst/>
    <dgm:txFillClrLst meth="repeat">
      <a:schemeClr val="lt1"/>
    </dgm:txFillClrLst>
    <dgm:txEffectClrLst/>
  </dgm:styleLbl>
  <dgm:styleLbl name="parChTrans1D1">
    <dgm:fillClrLst meth="repeat">
      <a:schemeClr val="accent4"/>
    </dgm:fillClrLst>
    <dgm:linClrLst meth="repeat">
      <a:schemeClr val="accent4"/>
    </dgm:linClrLst>
    <dgm:effectClrLst/>
    <dgm:txLinClrLst/>
    <dgm:txFillClrLst meth="repeat">
      <a:schemeClr val="tx1"/>
    </dgm:txFillClrLst>
    <dgm:txEffectClrLst/>
  </dgm:styleLbl>
  <dgm:styleLbl name="parChTrans1D2">
    <dgm:fillClrLst meth="repeat">
      <a:schemeClr val="accent4">
        <a:tint val="90000"/>
      </a:schemeClr>
    </dgm:fillClrLst>
    <dgm:linClrLst meth="repeat">
      <a:schemeClr val="accent5"/>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6"/>
    </dgm:linClrLst>
    <dgm:effectClrLst/>
    <dgm:txLinClrLst/>
    <dgm:txFillClrLst meth="repeat">
      <a:schemeClr val="tx1"/>
    </dgm:txFillClrLst>
    <dgm:txEffectClrLst/>
  </dgm:styleLbl>
  <dgm:styleLbl name="parChTrans1D4">
    <dgm:fillClrLst meth="repeat">
      <a:schemeClr val="accent4">
        <a:tint val="50000"/>
      </a:schemeClr>
    </dgm:fillClrLst>
    <dgm:linClrLst meth="repeat">
      <a:schemeClr val="accent1"/>
    </dgm:linClrLst>
    <dgm:effectClrLst/>
    <dgm:txLinClrLst/>
    <dgm:txFillClrLst meth="repeat">
      <a:schemeClr val="tx1"/>
    </dgm:txFillClrLst>
    <dgm:txEffectClrLst/>
  </dgm:styleLbl>
  <dgm:styleLbl name="fg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conFg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align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4"/>
    </dgm:linClrLst>
    <dgm:effectClrLst/>
    <dgm:txLinClrLst/>
    <dgm:txFillClrLst meth="repeat">
      <a:schemeClr val="dk1"/>
    </dgm:txFillClrLst>
    <dgm:txEffectClrLst/>
  </dgm:styleLbl>
  <dgm:styleLbl name="bg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solidFgAcc1">
    <dgm:fillClrLst meth="repeat">
      <a:schemeClr val="lt1"/>
    </dgm:fillClrLst>
    <dgm:linClrLst>
      <a:schemeClr val="accent4"/>
      <a:schemeClr val="accent5"/>
    </dgm:linClrLst>
    <dgm:effectClrLst/>
    <dgm:txLinClrLst/>
    <dgm:txFillClrLst meth="repeat">
      <a:schemeClr val="dk1"/>
    </dgm:txFillClrLst>
    <dgm:txEffectClrLst/>
  </dgm:styleLbl>
  <dgm:styleLbl name="solidAlignAcc1">
    <dgm:fillClrLst meth="repeat">
      <a:schemeClr val="lt1"/>
    </dgm:fillClrLst>
    <dgm:linClrLst>
      <a:schemeClr val="accent4"/>
      <a:schemeClr val="accent5"/>
    </dgm:linClrLst>
    <dgm:effectClrLst/>
    <dgm:txLinClrLst/>
    <dgm:txFillClrLst meth="repeat">
      <a:schemeClr val="dk1"/>
    </dgm:txFillClrLst>
    <dgm:txEffectClrLst/>
  </dgm:styleLbl>
  <dgm:styleLbl name="solidBgAcc1">
    <dgm:fillClrLst meth="repeat">
      <a:schemeClr val="lt1"/>
    </dgm:fillClrLst>
    <dgm:linClrLst>
      <a:schemeClr val="accent4"/>
      <a:schemeClr val="accent5"/>
    </dgm:linClrLst>
    <dgm:effectClrLst/>
    <dgm:txLinClrLst/>
    <dgm:txFillClrLst meth="repeat">
      <a:schemeClr val="dk1"/>
    </dgm:txFillClrLst>
    <dgm:txEffectClrLst/>
  </dgm:styleLbl>
  <dgm:styleLbl name="fgAccFollowNode1">
    <dgm:fillClrLst>
      <a:schemeClr val="accent4">
        <a:tint val="40000"/>
        <a:alpha val="90000"/>
      </a:schemeClr>
      <a:schemeClr val="accent5">
        <a:tint val="40000"/>
        <a:alpha val="90000"/>
      </a:schemeClr>
    </dgm:fillClrLst>
    <dgm:linClrLst>
      <a:schemeClr val="accent4">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4">
        <a:tint val="40000"/>
        <a:alpha val="90000"/>
      </a:schemeClr>
      <a:schemeClr val="accent5">
        <a:tint val="40000"/>
        <a:alpha val="90000"/>
      </a:schemeClr>
    </dgm:fillClrLst>
    <dgm:linClrLst>
      <a:schemeClr val="accent4">
        <a:tint val="40000"/>
        <a:alpha val="90000"/>
      </a:schemeClr>
      <a:schemeClr val="accent5">
        <a:tint val="40000"/>
        <a:alpha val="90000"/>
      </a:schemeClr>
    </dgm:linClrLst>
    <dgm:effectClrLst/>
    <dgm:txLinClrLst/>
    <dgm:txFillClrLst meth="repeat">
      <a:schemeClr val="dk1"/>
    </dgm:txFillClrLst>
    <dgm:txEffectClrLst/>
  </dgm:styleLbl>
  <dgm:styleLbl name="bgAccFollowNode1">
    <dgm:fillClrLst>
      <a:schemeClr val="accent4">
        <a:tint val="40000"/>
        <a:alpha val="90000"/>
      </a:schemeClr>
      <a:schemeClr val="accent5">
        <a:tint val="40000"/>
        <a:alpha val="90000"/>
      </a:schemeClr>
    </dgm:fillClrLst>
    <dgm:linClrLst>
      <a:schemeClr val="accent4">
        <a:tint val="40000"/>
        <a:alpha val="90000"/>
      </a:schemeClr>
      <a:schemeClr val="accent5">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3"/>
    </dgm:linClrLst>
    <dgm:effectClrLst/>
    <dgm:txLinClrLst/>
    <dgm:txFillClrLst meth="repeat">
      <a:schemeClr val="dk1"/>
    </dgm:txFillClrLst>
    <dgm:txEffectClrLst/>
  </dgm:styleLbl>
  <dgm:styleLbl name="fgAcc2">
    <dgm:fillClrLst meth="repeat">
      <a:schemeClr val="lt1">
        <a:alpha val="90000"/>
      </a:schemeClr>
    </dgm:fillClrLst>
    <dgm:linClrLst>
      <a:schemeClr val="accent5"/>
    </dgm:linClrLst>
    <dgm:effectClrLst/>
    <dgm:txLinClrLst/>
    <dgm:txFillClrLst meth="repeat">
      <a:schemeClr val="dk1"/>
    </dgm:txFillClrLst>
    <dgm:txEffectClrLst/>
  </dgm:styleLbl>
  <dgm:styleLbl name="fgAcc3">
    <dgm:fillClrLst meth="repeat">
      <a:schemeClr val="lt1">
        <a:alpha val="90000"/>
      </a:schemeClr>
    </dgm:fillClrLst>
    <dgm:linClrLst>
      <a:schemeClr val="accent6"/>
    </dgm:linClrLst>
    <dgm:effectClrLst/>
    <dgm:txLinClrLst/>
    <dgm:txFillClrLst meth="repeat">
      <a:schemeClr val="dk1"/>
    </dgm:txFillClrLst>
    <dgm:txEffectClrLst/>
  </dgm:styleLbl>
  <dgm:styleLbl name="fgAcc4">
    <dgm:fillClrLst meth="repeat">
      <a:schemeClr val="lt1">
        <a:alpha val="90000"/>
      </a:schemeClr>
    </dgm:fillClrLst>
    <dgm:linClrLst>
      <a:schemeClr val="accent1"/>
    </dgm:linClrLst>
    <dgm:effectClrLst/>
    <dgm:txLinClrLst/>
    <dgm:txFillClrLst meth="repeat">
      <a:schemeClr val="dk1"/>
    </dgm:txFillClrLst>
    <dgm:txEffectClrLst/>
  </dgm:styleLbl>
  <dgm:styleLbl name="bgShp">
    <dgm:fillClrLst meth="repeat">
      <a:schemeClr val="accent4">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4">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4">
        <a:tint val="50000"/>
        <a:alpha val="40000"/>
      </a:schemeClr>
    </dgm:fillClrLst>
    <dgm:linClrLst meth="repeat">
      <a:schemeClr val="accent4"/>
    </dgm:linClrLst>
    <dgm:effectClrLst/>
    <dgm:txLinClrLst/>
    <dgm:txFillClrLst meth="repeat">
      <a:schemeClr val="lt1"/>
    </dgm:txFillClrLst>
    <dgm:txEffectClrLst/>
  </dgm:styleLbl>
  <dgm:styleLbl name="fgShp">
    <dgm:fillClrLst meth="repeat">
      <a:schemeClr val="accent4">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3553F815-59DA-41EE-A64F-AAE480A457FC}" type="doc">
      <dgm:prSet loTypeId="urn:microsoft.com/office/officeart/2005/8/layout/hList1" loCatId="list" qsTypeId="urn:microsoft.com/office/officeart/2005/8/quickstyle/simple1" qsCatId="simple" csTypeId="urn:microsoft.com/office/officeart/2005/8/colors/colorful4" csCatId="colorful" phldr="1"/>
      <dgm:spPr/>
      <dgm:t>
        <a:bodyPr/>
        <a:lstStyle/>
        <a:p>
          <a:endParaRPr lang="en-US"/>
        </a:p>
      </dgm:t>
    </dgm:pt>
    <dgm:pt modelId="{3AA57EA9-6FE3-4AB4-B333-89DDDE90B335}">
      <dgm:prSet phldrT="[Text]"/>
      <dgm:spPr/>
      <dgm:t>
        <a:bodyPr/>
        <a:lstStyle/>
        <a:p>
          <a:r>
            <a:rPr lang="es-CO" noProof="0" dirty="0"/>
            <a:t>Ventajas</a:t>
          </a:r>
        </a:p>
      </dgm:t>
    </dgm:pt>
    <dgm:pt modelId="{74D2102F-FD6A-46F8-BBC2-6B74E6C8543A}" type="parTrans" cxnId="{09459C21-A75A-49E4-8C99-167157BC02B2}">
      <dgm:prSet/>
      <dgm:spPr/>
      <dgm:t>
        <a:bodyPr/>
        <a:lstStyle/>
        <a:p>
          <a:endParaRPr lang="es-CO" noProof="0" dirty="0"/>
        </a:p>
      </dgm:t>
    </dgm:pt>
    <dgm:pt modelId="{13AA1C04-0B6C-4BE9-B50F-CC0CE583682D}" type="sibTrans" cxnId="{09459C21-A75A-49E4-8C99-167157BC02B2}">
      <dgm:prSet/>
      <dgm:spPr/>
      <dgm:t>
        <a:bodyPr/>
        <a:lstStyle/>
        <a:p>
          <a:endParaRPr lang="es-CO" noProof="0" dirty="0"/>
        </a:p>
      </dgm:t>
    </dgm:pt>
    <dgm:pt modelId="{D8225856-77D6-49E6-BE5B-F40A41849923}">
      <dgm:prSet phldrT="[Text]"/>
      <dgm:spPr/>
      <dgm:t>
        <a:bodyPr/>
        <a:lstStyle/>
        <a:p>
          <a:r>
            <a:rPr lang="es-CO" noProof="0" dirty="0"/>
            <a:t>Experticia en manejar distintos hidrocarburos, incluyendo biocombustibles.</a:t>
          </a:r>
        </a:p>
      </dgm:t>
    </dgm:pt>
    <dgm:pt modelId="{4133075E-85E5-4C97-BE03-0E9ED79E5C2C}" type="parTrans" cxnId="{8E2711B2-4238-41C5-AA42-A645E5F8AA7D}">
      <dgm:prSet/>
      <dgm:spPr/>
      <dgm:t>
        <a:bodyPr/>
        <a:lstStyle/>
        <a:p>
          <a:endParaRPr lang="es-CO" noProof="0" dirty="0"/>
        </a:p>
      </dgm:t>
    </dgm:pt>
    <dgm:pt modelId="{EF8D9AE5-B9B0-4E93-BED7-F5673F7FE0CB}" type="sibTrans" cxnId="{8E2711B2-4238-41C5-AA42-A645E5F8AA7D}">
      <dgm:prSet/>
      <dgm:spPr/>
      <dgm:t>
        <a:bodyPr/>
        <a:lstStyle/>
        <a:p>
          <a:endParaRPr lang="es-CO" noProof="0" dirty="0"/>
        </a:p>
      </dgm:t>
    </dgm:pt>
    <dgm:pt modelId="{A20ABADA-5EEC-4E9F-AC60-C0B42ACE4432}">
      <dgm:prSet phldrT="[Text]">
        <dgm:style>
          <a:lnRef idx="2">
            <a:schemeClr val="accent3">
              <a:shade val="15000"/>
            </a:schemeClr>
          </a:lnRef>
          <a:fillRef idx="1">
            <a:schemeClr val="accent3"/>
          </a:fillRef>
          <a:effectRef idx="0">
            <a:schemeClr val="accent3"/>
          </a:effectRef>
          <a:fontRef idx="minor">
            <a:schemeClr val="lt1"/>
          </a:fontRef>
        </dgm:style>
      </dgm:prSet>
      <dgm:spPr>
        <a:ln>
          <a:noFill/>
        </a:ln>
      </dgm:spPr>
      <dgm:t>
        <a:bodyPr/>
        <a:lstStyle/>
        <a:p>
          <a:r>
            <a:rPr lang="es-CO" noProof="0" dirty="0"/>
            <a:t>Desventajas</a:t>
          </a:r>
        </a:p>
      </dgm:t>
    </dgm:pt>
    <dgm:pt modelId="{D9477AD8-562C-4DF2-90A4-B410A94FF728}" type="parTrans" cxnId="{039EA6BE-BA8F-4F7C-9F15-751999B8AD3E}">
      <dgm:prSet/>
      <dgm:spPr/>
      <dgm:t>
        <a:bodyPr/>
        <a:lstStyle/>
        <a:p>
          <a:endParaRPr lang="es-CO" noProof="0" dirty="0"/>
        </a:p>
      </dgm:t>
    </dgm:pt>
    <dgm:pt modelId="{15D0AD40-BC78-432F-82B7-D6D91EDB5D44}" type="sibTrans" cxnId="{039EA6BE-BA8F-4F7C-9F15-751999B8AD3E}">
      <dgm:prSet/>
      <dgm:spPr/>
      <dgm:t>
        <a:bodyPr/>
        <a:lstStyle/>
        <a:p>
          <a:endParaRPr lang="es-CO" noProof="0" dirty="0"/>
        </a:p>
      </dgm:t>
    </dgm:pt>
    <dgm:pt modelId="{29379B80-CB6F-4F15-A42A-F032455D94FB}">
      <dgm:prSet phldrT="[Text]">
        <dgm:style>
          <a:lnRef idx="2">
            <a:schemeClr val="accent3">
              <a:shade val="15000"/>
            </a:schemeClr>
          </a:lnRef>
          <a:fillRef idx="1">
            <a:schemeClr val="accent3"/>
          </a:fillRef>
          <a:effectRef idx="0">
            <a:schemeClr val="accent3"/>
          </a:effectRef>
          <a:fontRef idx="minor">
            <a:schemeClr val="lt1"/>
          </a:fontRef>
        </dgm:style>
      </dgm:prSet>
      <dgm:spPr>
        <a:solidFill>
          <a:schemeClr val="accent3">
            <a:lumMod val="20000"/>
            <a:lumOff val="80000"/>
          </a:schemeClr>
        </a:solidFill>
        <a:ln>
          <a:noFill/>
        </a:ln>
      </dgm:spPr>
      <dgm:t>
        <a:bodyPr/>
        <a:lstStyle/>
        <a:p>
          <a:r>
            <a:rPr lang="es-CO" noProof="0" dirty="0"/>
            <a:t>Solo viable para grandes cantidades.</a:t>
          </a:r>
        </a:p>
      </dgm:t>
    </dgm:pt>
    <dgm:pt modelId="{B1384AAC-22CA-45D2-B789-990DE67E98E5}" type="parTrans" cxnId="{9E2D3806-E926-4044-ADF1-3860BCC84655}">
      <dgm:prSet/>
      <dgm:spPr/>
      <dgm:t>
        <a:bodyPr/>
        <a:lstStyle/>
        <a:p>
          <a:endParaRPr lang="es-CO" noProof="0" dirty="0"/>
        </a:p>
      </dgm:t>
    </dgm:pt>
    <dgm:pt modelId="{D81B75E9-96C6-4BC8-960A-6A9FB1CF16F5}" type="sibTrans" cxnId="{9E2D3806-E926-4044-ADF1-3860BCC84655}">
      <dgm:prSet/>
      <dgm:spPr/>
      <dgm:t>
        <a:bodyPr/>
        <a:lstStyle/>
        <a:p>
          <a:endParaRPr lang="es-CO" noProof="0" dirty="0"/>
        </a:p>
      </dgm:t>
    </dgm:pt>
    <dgm:pt modelId="{34AE2B4A-C2D6-4A8C-ADED-0C5EF7B799EF}">
      <dgm:prSet phldrT="[Text]"/>
      <dgm:spPr>
        <a:solidFill>
          <a:schemeClr val="accent2"/>
        </a:solidFill>
        <a:ln>
          <a:noFill/>
        </a:ln>
      </dgm:spPr>
      <dgm:t>
        <a:bodyPr/>
        <a:lstStyle/>
        <a:p>
          <a:r>
            <a:rPr lang="es-CO" noProof="0" dirty="0"/>
            <a:t>Limitaciones</a:t>
          </a:r>
        </a:p>
      </dgm:t>
    </dgm:pt>
    <dgm:pt modelId="{4B7651D8-73B0-4DDA-A5CA-077F39D0CAA7}" type="parTrans" cxnId="{85C67B88-8DBB-4615-BA74-60B89D4A6A8E}">
      <dgm:prSet/>
      <dgm:spPr/>
      <dgm:t>
        <a:bodyPr/>
        <a:lstStyle/>
        <a:p>
          <a:endParaRPr lang="es-CO" noProof="0" dirty="0"/>
        </a:p>
      </dgm:t>
    </dgm:pt>
    <dgm:pt modelId="{07C99525-DE78-465F-9222-03722F9CB700}" type="sibTrans" cxnId="{85C67B88-8DBB-4615-BA74-60B89D4A6A8E}">
      <dgm:prSet/>
      <dgm:spPr/>
      <dgm:t>
        <a:bodyPr/>
        <a:lstStyle/>
        <a:p>
          <a:endParaRPr lang="es-CO" noProof="0" dirty="0"/>
        </a:p>
      </dgm:t>
    </dgm:pt>
    <dgm:pt modelId="{D95F81D2-C7E1-4A71-81C4-10CA02A9B184}">
      <dgm:prSet phldrT="[Text]"/>
      <dgm:spPr>
        <a:solidFill>
          <a:schemeClr val="accent2">
            <a:lumMod val="20000"/>
            <a:lumOff val="80000"/>
            <a:alpha val="90000"/>
          </a:schemeClr>
        </a:solidFill>
        <a:ln>
          <a:noFill/>
        </a:ln>
      </dgm:spPr>
      <dgm:t>
        <a:bodyPr/>
        <a:lstStyle/>
        <a:p>
          <a:r>
            <a:rPr lang="es-CO" noProof="0" dirty="0"/>
            <a:t>Optimizado para grandes cantidades</a:t>
          </a:r>
        </a:p>
      </dgm:t>
    </dgm:pt>
    <dgm:pt modelId="{663D433D-35C2-4A92-BFD6-4E7383AF4AE1}" type="parTrans" cxnId="{56A3C230-E3F2-44D9-9432-4B7B7A5192C3}">
      <dgm:prSet/>
      <dgm:spPr/>
      <dgm:t>
        <a:bodyPr/>
        <a:lstStyle/>
        <a:p>
          <a:endParaRPr lang="es-CO" noProof="0" dirty="0"/>
        </a:p>
      </dgm:t>
    </dgm:pt>
    <dgm:pt modelId="{A2406E7B-BEFA-4025-A7D9-19A0442F07D7}" type="sibTrans" cxnId="{56A3C230-E3F2-44D9-9432-4B7B7A5192C3}">
      <dgm:prSet/>
      <dgm:spPr/>
      <dgm:t>
        <a:bodyPr/>
        <a:lstStyle/>
        <a:p>
          <a:endParaRPr lang="es-CO" noProof="0" dirty="0"/>
        </a:p>
      </dgm:t>
    </dgm:pt>
    <dgm:pt modelId="{A950DB67-A28C-4A98-8E4A-F1BA1EA13068}">
      <dgm:prSet/>
      <dgm:spPr/>
      <dgm:t>
        <a:bodyPr/>
        <a:lstStyle/>
        <a:p>
          <a:r>
            <a:rPr lang="es-CO" noProof="0" dirty="0"/>
            <a:t>Experticia en manejar Jet Fuel</a:t>
          </a:r>
        </a:p>
      </dgm:t>
    </dgm:pt>
    <dgm:pt modelId="{8A933D8C-076A-4D50-8D0A-C63D59442C5A}" type="parTrans" cxnId="{794150A6-6BEA-4D9D-BF41-0076C33E6856}">
      <dgm:prSet/>
      <dgm:spPr/>
      <dgm:t>
        <a:bodyPr/>
        <a:lstStyle/>
        <a:p>
          <a:endParaRPr lang="es-CO" noProof="0" dirty="0"/>
        </a:p>
      </dgm:t>
    </dgm:pt>
    <dgm:pt modelId="{76AA0F2F-89E1-41E1-8666-D5183348C52A}" type="sibTrans" cxnId="{794150A6-6BEA-4D9D-BF41-0076C33E6856}">
      <dgm:prSet/>
      <dgm:spPr/>
      <dgm:t>
        <a:bodyPr/>
        <a:lstStyle/>
        <a:p>
          <a:endParaRPr lang="es-CO" noProof="0" dirty="0"/>
        </a:p>
      </dgm:t>
    </dgm:pt>
    <dgm:pt modelId="{648E27A3-3CAF-4539-A9D2-C272D5A1FAE4}">
      <dgm:prSet/>
      <dgm:spPr/>
      <dgm:t>
        <a:bodyPr/>
        <a:lstStyle/>
        <a:p>
          <a:r>
            <a:rPr lang="es-CO" noProof="0" dirty="0"/>
            <a:t>Infraestructura de transporte flexible (poliductos, puertos, carreteras).</a:t>
          </a:r>
        </a:p>
      </dgm:t>
    </dgm:pt>
    <dgm:pt modelId="{071E40B0-F852-4A6F-B4BE-D9CE364E6BCA}" type="parTrans" cxnId="{52017368-C61F-4982-A34F-8BB139050F94}">
      <dgm:prSet/>
      <dgm:spPr/>
      <dgm:t>
        <a:bodyPr/>
        <a:lstStyle/>
        <a:p>
          <a:endParaRPr lang="es-CO" noProof="0" dirty="0"/>
        </a:p>
      </dgm:t>
    </dgm:pt>
    <dgm:pt modelId="{6E7AE793-2CBB-4B98-A16D-99F8A3D73654}" type="sibTrans" cxnId="{52017368-C61F-4982-A34F-8BB139050F94}">
      <dgm:prSet/>
      <dgm:spPr/>
      <dgm:t>
        <a:bodyPr/>
        <a:lstStyle/>
        <a:p>
          <a:endParaRPr lang="es-CO" noProof="0" dirty="0"/>
        </a:p>
      </dgm:t>
    </dgm:pt>
    <dgm:pt modelId="{0C4F3828-1942-414B-81E7-32F36F636DAE}">
      <dgm:prSet/>
      <dgm:spPr>
        <a:solidFill>
          <a:schemeClr val="accent2">
            <a:lumMod val="20000"/>
            <a:lumOff val="80000"/>
            <a:alpha val="90000"/>
          </a:schemeClr>
        </a:solidFill>
        <a:ln>
          <a:noFill/>
        </a:ln>
      </dgm:spPr>
      <dgm:t>
        <a:bodyPr/>
        <a:lstStyle/>
        <a:p>
          <a:r>
            <a:rPr lang="es-CO" noProof="0" dirty="0"/>
            <a:t>Pueden estar lejanos de la producción de SAF.</a:t>
          </a:r>
        </a:p>
      </dgm:t>
    </dgm:pt>
    <dgm:pt modelId="{2CDFC367-8919-473B-9793-E6733AC6EB0A}" type="parTrans" cxnId="{0AB5D49F-E0D8-40AD-8797-A0B93935891D}">
      <dgm:prSet/>
      <dgm:spPr/>
      <dgm:t>
        <a:bodyPr/>
        <a:lstStyle/>
        <a:p>
          <a:endParaRPr lang="es-CO" noProof="0" dirty="0"/>
        </a:p>
      </dgm:t>
    </dgm:pt>
    <dgm:pt modelId="{25A965D9-4B84-4D74-8CDD-EDE9DAC2429A}" type="sibTrans" cxnId="{0AB5D49F-E0D8-40AD-8797-A0B93935891D}">
      <dgm:prSet/>
      <dgm:spPr/>
      <dgm:t>
        <a:bodyPr/>
        <a:lstStyle/>
        <a:p>
          <a:endParaRPr lang="es-CO" noProof="0" dirty="0"/>
        </a:p>
      </dgm:t>
    </dgm:pt>
    <dgm:pt modelId="{AC5C959D-88DF-4522-9090-A54D6EF47C6F}">
      <dgm:prSet/>
      <dgm:spPr>
        <a:solidFill>
          <a:schemeClr val="accent2">
            <a:lumMod val="20000"/>
            <a:lumOff val="80000"/>
            <a:alpha val="90000"/>
          </a:schemeClr>
        </a:solidFill>
        <a:ln>
          <a:noFill/>
        </a:ln>
      </dgm:spPr>
      <dgm:t>
        <a:bodyPr/>
        <a:lstStyle/>
        <a:p>
          <a:r>
            <a:rPr lang="es-CO" noProof="0" dirty="0"/>
            <a:t>Grandes cantidades de SAF podrían tener que ser transportadas, requiriendo más infraestructura.</a:t>
          </a:r>
        </a:p>
      </dgm:t>
    </dgm:pt>
    <dgm:pt modelId="{CB554D50-C783-4CA3-A5C2-717F7DFB962F}" type="parTrans" cxnId="{B06F7458-781F-4C78-BB4D-0759FF41F969}">
      <dgm:prSet/>
      <dgm:spPr/>
      <dgm:t>
        <a:bodyPr/>
        <a:lstStyle/>
        <a:p>
          <a:endParaRPr lang="es-CO" noProof="0" dirty="0"/>
        </a:p>
      </dgm:t>
    </dgm:pt>
    <dgm:pt modelId="{216C8A8D-FDC6-4DBE-88B1-9FC13AD400E1}" type="sibTrans" cxnId="{B06F7458-781F-4C78-BB4D-0759FF41F969}">
      <dgm:prSet/>
      <dgm:spPr/>
      <dgm:t>
        <a:bodyPr/>
        <a:lstStyle/>
        <a:p>
          <a:endParaRPr lang="es-CO" noProof="0" dirty="0"/>
        </a:p>
      </dgm:t>
    </dgm:pt>
    <dgm:pt modelId="{E2BD7CF6-BDEA-41B7-95DE-D599862C8C86}" type="pres">
      <dgm:prSet presAssocID="{3553F815-59DA-41EE-A64F-AAE480A457FC}" presName="Name0" presStyleCnt="0">
        <dgm:presLayoutVars>
          <dgm:dir/>
          <dgm:animLvl val="lvl"/>
          <dgm:resizeHandles val="exact"/>
        </dgm:presLayoutVars>
      </dgm:prSet>
      <dgm:spPr/>
    </dgm:pt>
    <dgm:pt modelId="{AC0438BF-D75E-4A99-9264-AAEED0234098}" type="pres">
      <dgm:prSet presAssocID="{3AA57EA9-6FE3-4AB4-B333-89DDDE90B335}" presName="composite" presStyleCnt="0"/>
      <dgm:spPr/>
    </dgm:pt>
    <dgm:pt modelId="{A4B4434D-0C33-49CB-A615-A350CC7036D6}" type="pres">
      <dgm:prSet presAssocID="{3AA57EA9-6FE3-4AB4-B333-89DDDE90B335}" presName="parTx" presStyleLbl="alignNode1" presStyleIdx="0" presStyleCnt="3">
        <dgm:presLayoutVars>
          <dgm:chMax val="0"/>
          <dgm:chPref val="0"/>
          <dgm:bulletEnabled val="1"/>
        </dgm:presLayoutVars>
      </dgm:prSet>
      <dgm:spPr/>
    </dgm:pt>
    <dgm:pt modelId="{5C70D450-594E-4651-AEDF-B6E82A123A2F}" type="pres">
      <dgm:prSet presAssocID="{3AA57EA9-6FE3-4AB4-B333-89DDDE90B335}" presName="desTx" presStyleLbl="alignAccFollowNode1" presStyleIdx="0" presStyleCnt="3">
        <dgm:presLayoutVars>
          <dgm:bulletEnabled val="1"/>
        </dgm:presLayoutVars>
      </dgm:prSet>
      <dgm:spPr/>
    </dgm:pt>
    <dgm:pt modelId="{4A139E47-47A2-4692-AFED-4489BFA0476B}" type="pres">
      <dgm:prSet presAssocID="{13AA1C04-0B6C-4BE9-B50F-CC0CE583682D}" presName="space" presStyleCnt="0"/>
      <dgm:spPr/>
    </dgm:pt>
    <dgm:pt modelId="{A2728D13-3363-4EB8-B314-9A8F7FBC3D38}" type="pres">
      <dgm:prSet presAssocID="{A20ABADA-5EEC-4E9F-AC60-C0B42ACE4432}" presName="composite" presStyleCnt="0"/>
      <dgm:spPr/>
    </dgm:pt>
    <dgm:pt modelId="{D4F11930-CB4F-4C41-9A15-F7502571343B}" type="pres">
      <dgm:prSet presAssocID="{A20ABADA-5EEC-4E9F-AC60-C0B42ACE4432}" presName="parTx" presStyleLbl="alignNode1" presStyleIdx="1" presStyleCnt="3">
        <dgm:presLayoutVars>
          <dgm:chMax val="0"/>
          <dgm:chPref val="0"/>
          <dgm:bulletEnabled val="1"/>
        </dgm:presLayoutVars>
      </dgm:prSet>
      <dgm:spPr/>
    </dgm:pt>
    <dgm:pt modelId="{5EB2B5AB-BE24-4BFB-BEAA-C43918EA4503}" type="pres">
      <dgm:prSet presAssocID="{A20ABADA-5EEC-4E9F-AC60-C0B42ACE4432}" presName="desTx" presStyleLbl="alignAccFollowNode1" presStyleIdx="1" presStyleCnt="3">
        <dgm:presLayoutVars>
          <dgm:bulletEnabled val="1"/>
        </dgm:presLayoutVars>
      </dgm:prSet>
      <dgm:spPr/>
    </dgm:pt>
    <dgm:pt modelId="{9A04DB91-1333-4B58-A189-8AAF7CE5624A}" type="pres">
      <dgm:prSet presAssocID="{15D0AD40-BC78-432F-82B7-D6D91EDB5D44}" presName="space" presStyleCnt="0"/>
      <dgm:spPr/>
    </dgm:pt>
    <dgm:pt modelId="{0CB8423D-8C91-4362-A8D6-71519DB4BF4E}" type="pres">
      <dgm:prSet presAssocID="{34AE2B4A-C2D6-4A8C-ADED-0C5EF7B799EF}" presName="composite" presStyleCnt="0"/>
      <dgm:spPr/>
    </dgm:pt>
    <dgm:pt modelId="{267B7E50-6C8B-4AFA-B03A-5618D0371C26}" type="pres">
      <dgm:prSet presAssocID="{34AE2B4A-C2D6-4A8C-ADED-0C5EF7B799EF}" presName="parTx" presStyleLbl="alignNode1" presStyleIdx="2" presStyleCnt="3">
        <dgm:presLayoutVars>
          <dgm:chMax val="0"/>
          <dgm:chPref val="0"/>
          <dgm:bulletEnabled val="1"/>
        </dgm:presLayoutVars>
      </dgm:prSet>
      <dgm:spPr/>
    </dgm:pt>
    <dgm:pt modelId="{5C6620D5-3880-4CEE-A6F9-EE51BDF35308}" type="pres">
      <dgm:prSet presAssocID="{34AE2B4A-C2D6-4A8C-ADED-0C5EF7B799EF}" presName="desTx" presStyleLbl="alignAccFollowNode1" presStyleIdx="2" presStyleCnt="3">
        <dgm:presLayoutVars>
          <dgm:bulletEnabled val="1"/>
        </dgm:presLayoutVars>
      </dgm:prSet>
      <dgm:spPr/>
    </dgm:pt>
  </dgm:ptLst>
  <dgm:cxnLst>
    <dgm:cxn modelId="{9E2D3806-E926-4044-ADF1-3860BCC84655}" srcId="{A20ABADA-5EEC-4E9F-AC60-C0B42ACE4432}" destId="{29379B80-CB6F-4F15-A42A-F032455D94FB}" srcOrd="0" destOrd="0" parTransId="{B1384AAC-22CA-45D2-B789-990DE67E98E5}" sibTransId="{D81B75E9-96C6-4BC8-960A-6A9FB1CF16F5}"/>
    <dgm:cxn modelId="{51180416-AF00-4A89-957C-57F7C618982F}" type="presOf" srcId="{A20ABADA-5EEC-4E9F-AC60-C0B42ACE4432}" destId="{D4F11930-CB4F-4C41-9A15-F7502571343B}" srcOrd="0" destOrd="0" presId="urn:microsoft.com/office/officeart/2005/8/layout/hList1"/>
    <dgm:cxn modelId="{09459C21-A75A-49E4-8C99-167157BC02B2}" srcId="{3553F815-59DA-41EE-A64F-AAE480A457FC}" destId="{3AA57EA9-6FE3-4AB4-B333-89DDDE90B335}" srcOrd="0" destOrd="0" parTransId="{74D2102F-FD6A-46F8-BBC2-6B74E6C8543A}" sibTransId="{13AA1C04-0B6C-4BE9-B50F-CC0CE583682D}"/>
    <dgm:cxn modelId="{8B5A2924-C80D-468D-AD98-B0A9A8CBBF9E}" type="presOf" srcId="{29379B80-CB6F-4F15-A42A-F032455D94FB}" destId="{5EB2B5AB-BE24-4BFB-BEAA-C43918EA4503}" srcOrd="0" destOrd="0" presId="urn:microsoft.com/office/officeart/2005/8/layout/hList1"/>
    <dgm:cxn modelId="{56A3C230-E3F2-44D9-9432-4B7B7A5192C3}" srcId="{34AE2B4A-C2D6-4A8C-ADED-0C5EF7B799EF}" destId="{D95F81D2-C7E1-4A71-81C4-10CA02A9B184}" srcOrd="0" destOrd="0" parTransId="{663D433D-35C2-4A92-BFD6-4E7383AF4AE1}" sibTransId="{A2406E7B-BEFA-4025-A7D9-19A0442F07D7}"/>
    <dgm:cxn modelId="{7A05685B-0790-4721-B5F6-554294D3A6A4}" type="presOf" srcId="{AC5C959D-88DF-4522-9090-A54D6EF47C6F}" destId="{5C6620D5-3880-4CEE-A6F9-EE51BDF35308}" srcOrd="0" destOrd="2" presId="urn:microsoft.com/office/officeart/2005/8/layout/hList1"/>
    <dgm:cxn modelId="{AB207E42-1AC8-4DFB-AD2C-3C2E70F44D35}" type="presOf" srcId="{3AA57EA9-6FE3-4AB4-B333-89DDDE90B335}" destId="{A4B4434D-0C33-49CB-A615-A350CC7036D6}" srcOrd="0" destOrd="0" presId="urn:microsoft.com/office/officeart/2005/8/layout/hList1"/>
    <dgm:cxn modelId="{AAEC8645-BAA5-4223-82C5-A845BFB628CF}" type="presOf" srcId="{A950DB67-A28C-4A98-8E4A-F1BA1EA13068}" destId="{5C70D450-594E-4651-AEDF-B6E82A123A2F}" srcOrd="0" destOrd="1" presId="urn:microsoft.com/office/officeart/2005/8/layout/hList1"/>
    <dgm:cxn modelId="{D1466448-E0C3-40F6-90BA-B67F9E222C51}" type="presOf" srcId="{3553F815-59DA-41EE-A64F-AAE480A457FC}" destId="{E2BD7CF6-BDEA-41B7-95DE-D599862C8C86}" srcOrd="0" destOrd="0" presId="urn:microsoft.com/office/officeart/2005/8/layout/hList1"/>
    <dgm:cxn modelId="{52017368-C61F-4982-A34F-8BB139050F94}" srcId="{3AA57EA9-6FE3-4AB4-B333-89DDDE90B335}" destId="{648E27A3-3CAF-4539-A9D2-C272D5A1FAE4}" srcOrd="2" destOrd="0" parTransId="{071E40B0-F852-4A6F-B4BE-D9CE364E6BCA}" sibTransId="{6E7AE793-2CBB-4B98-A16D-99F8A3D73654}"/>
    <dgm:cxn modelId="{996D1D6A-6F17-4994-A1FB-D60EA7827C12}" type="presOf" srcId="{D8225856-77D6-49E6-BE5B-F40A41849923}" destId="{5C70D450-594E-4651-AEDF-B6E82A123A2F}" srcOrd="0" destOrd="0" presId="urn:microsoft.com/office/officeart/2005/8/layout/hList1"/>
    <dgm:cxn modelId="{B06F7458-781F-4C78-BB4D-0759FF41F969}" srcId="{34AE2B4A-C2D6-4A8C-ADED-0C5EF7B799EF}" destId="{AC5C959D-88DF-4522-9090-A54D6EF47C6F}" srcOrd="2" destOrd="0" parTransId="{CB554D50-C783-4CA3-A5C2-717F7DFB962F}" sibTransId="{216C8A8D-FDC6-4DBE-88B1-9FC13AD400E1}"/>
    <dgm:cxn modelId="{8AC78D86-707D-4201-AD9A-B964E0C49147}" type="presOf" srcId="{D95F81D2-C7E1-4A71-81C4-10CA02A9B184}" destId="{5C6620D5-3880-4CEE-A6F9-EE51BDF35308}" srcOrd="0" destOrd="0" presId="urn:microsoft.com/office/officeart/2005/8/layout/hList1"/>
    <dgm:cxn modelId="{85C67B88-8DBB-4615-BA74-60B89D4A6A8E}" srcId="{3553F815-59DA-41EE-A64F-AAE480A457FC}" destId="{34AE2B4A-C2D6-4A8C-ADED-0C5EF7B799EF}" srcOrd="2" destOrd="0" parTransId="{4B7651D8-73B0-4DDA-A5CA-077F39D0CAA7}" sibTransId="{07C99525-DE78-465F-9222-03722F9CB700}"/>
    <dgm:cxn modelId="{0AB5D49F-E0D8-40AD-8797-A0B93935891D}" srcId="{34AE2B4A-C2D6-4A8C-ADED-0C5EF7B799EF}" destId="{0C4F3828-1942-414B-81E7-32F36F636DAE}" srcOrd="1" destOrd="0" parTransId="{2CDFC367-8919-473B-9793-E6733AC6EB0A}" sibTransId="{25A965D9-4B84-4D74-8CDD-EDE9DAC2429A}"/>
    <dgm:cxn modelId="{794150A6-6BEA-4D9D-BF41-0076C33E6856}" srcId="{3AA57EA9-6FE3-4AB4-B333-89DDDE90B335}" destId="{A950DB67-A28C-4A98-8E4A-F1BA1EA13068}" srcOrd="1" destOrd="0" parTransId="{8A933D8C-076A-4D50-8D0A-C63D59442C5A}" sibTransId="{76AA0F2F-89E1-41E1-8666-D5183348C52A}"/>
    <dgm:cxn modelId="{8E2711B2-4238-41C5-AA42-A645E5F8AA7D}" srcId="{3AA57EA9-6FE3-4AB4-B333-89DDDE90B335}" destId="{D8225856-77D6-49E6-BE5B-F40A41849923}" srcOrd="0" destOrd="0" parTransId="{4133075E-85E5-4C97-BE03-0E9ED79E5C2C}" sibTransId="{EF8D9AE5-B9B0-4E93-BED7-F5673F7FE0CB}"/>
    <dgm:cxn modelId="{039EA6BE-BA8F-4F7C-9F15-751999B8AD3E}" srcId="{3553F815-59DA-41EE-A64F-AAE480A457FC}" destId="{A20ABADA-5EEC-4E9F-AC60-C0B42ACE4432}" srcOrd="1" destOrd="0" parTransId="{D9477AD8-562C-4DF2-90A4-B410A94FF728}" sibTransId="{15D0AD40-BC78-432F-82B7-D6D91EDB5D44}"/>
    <dgm:cxn modelId="{5085B0BE-6DEE-4175-8C73-EC7E4484733F}" type="presOf" srcId="{648E27A3-3CAF-4539-A9D2-C272D5A1FAE4}" destId="{5C70D450-594E-4651-AEDF-B6E82A123A2F}" srcOrd="0" destOrd="2" presId="urn:microsoft.com/office/officeart/2005/8/layout/hList1"/>
    <dgm:cxn modelId="{E8EAA0D1-1528-4809-9FB7-032D71C68D33}" type="presOf" srcId="{0C4F3828-1942-414B-81E7-32F36F636DAE}" destId="{5C6620D5-3880-4CEE-A6F9-EE51BDF35308}" srcOrd="0" destOrd="1" presId="urn:microsoft.com/office/officeart/2005/8/layout/hList1"/>
    <dgm:cxn modelId="{6F880BD2-7D74-4DA1-A74D-BEE064A78A8A}" type="presOf" srcId="{34AE2B4A-C2D6-4A8C-ADED-0C5EF7B799EF}" destId="{267B7E50-6C8B-4AFA-B03A-5618D0371C26}" srcOrd="0" destOrd="0" presId="urn:microsoft.com/office/officeart/2005/8/layout/hList1"/>
    <dgm:cxn modelId="{BBA33C67-A786-49AB-832D-3A301647168B}" type="presParOf" srcId="{E2BD7CF6-BDEA-41B7-95DE-D599862C8C86}" destId="{AC0438BF-D75E-4A99-9264-AAEED0234098}" srcOrd="0" destOrd="0" presId="urn:microsoft.com/office/officeart/2005/8/layout/hList1"/>
    <dgm:cxn modelId="{97EC1A17-0B2D-43C5-BD1E-A5E6A4B7FF90}" type="presParOf" srcId="{AC0438BF-D75E-4A99-9264-AAEED0234098}" destId="{A4B4434D-0C33-49CB-A615-A350CC7036D6}" srcOrd="0" destOrd="0" presId="urn:microsoft.com/office/officeart/2005/8/layout/hList1"/>
    <dgm:cxn modelId="{D4856723-9B02-4AEE-81D5-64E58BB08822}" type="presParOf" srcId="{AC0438BF-D75E-4A99-9264-AAEED0234098}" destId="{5C70D450-594E-4651-AEDF-B6E82A123A2F}" srcOrd="1" destOrd="0" presId="urn:microsoft.com/office/officeart/2005/8/layout/hList1"/>
    <dgm:cxn modelId="{73D1841E-2BA6-4E08-9A55-CE868223E990}" type="presParOf" srcId="{E2BD7CF6-BDEA-41B7-95DE-D599862C8C86}" destId="{4A139E47-47A2-4692-AFED-4489BFA0476B}" srcOrd="1" destOrd="0" presId="urn:microsoft.com/office/officeart/2005/8/layout/hList1"/>
    <dgm:cxn modelId="{C54DC6B3-DECC-4953-836C-D7FB3467ED44}" type="presParOf" srcId="{E2BD7CF6-BDEA-41B7-95DE-D599862C8C86}" destId="{A2728D13-3363-4EB8-B314-9A8F7FBC3D38}" srcOrd="2" destOrd="0" presId="urn:microsoft.com/office/officeart/2005/8/layout/hList1"/>
    <dgm:cxn modelId="{CEAEB2FD-2B85-4495-92CD-D6E264A0D174}" type="presParOf" srcId="{A2728D13-3363-4EB8-B314-9A8F7FBC3D38}" destId="{D4F11930-CB4F-4C41-9A15-F7502571343B}" srcOrd="0" destOrd="0" presId="urn:microsoft.com/office/officeart/2005/8/layout/hList1"/>
    <dgm:cxn modelId="{2326CB3E-C6DF-4990-AFC6-F46E7BB4570D}" type="presParOf" srcId="{A2728D13-3363-4EB8-B314-9A8F7FBC3D38}" destId="{5EB2B5AB-BE24-4BFB-BEAA-C43918EA4503}" srcOrd="1" destOrd="0" presId="urn:microsoft.com/office/officeart/2005/8/layout/hList1"/>
    <dgm:cxn modelId="{BE50F348-5CD0-4C4A-A834-5AA22B2A191E}" type="presParOf" srcId="{E2BD7CF6-BDEA-41B7-95DE-D599862C8C86}" destId="{9A04DB91-1333-4B58-A189-8AAF7CE5624A}" srcOrd="3" destOrd="0" presId="urn:microsoft.com/office/officeart/2005/8/layout/hList1"/>
    <dgm:cxn modelId="{F4EFA79E-4833-4DC0-A2A9-AACDB63F4F4E}" type="presParOf" srcId="{E2BD7CF6-BDEA-41B7-95DE-D599862C8C86}" destId="{0CB8423D-8C91-4362-A8D6-71519DB4BF4E}" srcOrd="4" destOrd="0" presId="urn:microsoft.com/office/officeart/2005/8/layout/hList1"/>
    <dgm:cxn modelId="{36BF52BC-37AA-40E2-A8D0-3EE9A8C05F6D}" type="presParOf" srcId="{0CB8423D-8C91-4362-A8D6-71519DB4BF4E}" destId="{267B7E50-6C8B-4AFA-B03A-5618D0371C26}" srcOrd="0" destOrd="0" presId="urn:microsoft.com/office/officeart/2005/8/layout/hList1"/>
    <dgm:cxn modelId="{E5A84184-078E-465A-A6D6-477E1C53FD2F}" type="presParOf" srcId="{0CB8423D-8C91-4362-A8D6-71519DB4BF4E}" destId="{5C6620D5-3880-4CEE-A6F9-EE51BDF35308}" srcOrd="1" destOrd="0" presId="urn:microsoft.com/office/officeart/2005/8/layout/hList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3553F815-59DA-41EE-A64F-AAE480A457FC}" type="doc">
      <dgm:prSet loTypeId="urn:microsoft.com/office/officeart/2005/8/layout/hList1" loCatId="list" qsTypeId="urn:microsoft.com/office/officeart/2005/8/quickstyle/simple1" qsCatId="simple" csTypeId="urn:microsoft.com/office/officeart/2005/8/colors/colorful4" csCatId="colorful" phldr="1"/>
      <dgm:spPr/>
      <dgm:t>
        <a:bodyPr/>
        <a:lstStyle/>
        <a:p>
          <a:endParaRPr lang="en-US"/>
        </a:p>
      </dgm:t>
    </dgm:pt>
    <dgm:pt modelId="{3AA57EA9-6FE3-4AB4-B333-89DDDE90B335}">
      <dgm:prSet phldrT="[Text]"/>
      <dgm:spPr/>
      <dgm:t>
        <a:bodyPr/>
        <a:lstStyle/>
        <a:p>
          <a:r>
            <a:rPr lang="es-CO" noProof="0" dirty="0"/>
            <a:t>Ventajas</a:t>
          </a:r>
        </a:p>
      </dgm:t>
    </dgm:pt>
    <dgm:pt modelId="{74D2102F-FD6A-46F8-BBC2-6B74E6C8543A}" type="parTrans" cxnId="{09459C21-A75A-49E4-8C99-167157BC02B2}">
      <dgm:prSet/>
      <dgm:spPr/>
      <dgm:t>
        <a:bodyPr/>
        <a:lstStyle/>
        <a:p>
          <a:endParaRPr lang="en-US"/>
        </a:p>
      </dgm:t>
    </dgm:pt>
    <dgm:pt modelId="{13AA1C04-0B6C-4BE9-B50F-CC0CE583682D}" type="sibTrans" cxnId="{09459C21-A75A-49E4-8C99-167157BC02B2}">
      <dgm:prSet/>
      <dgm:spPr/>
      <dgm:t>
        <a:bodyPr/>
        <a:lstStyle/>
        <a:p>
          <a:endParaRPr lang="en-US"/>
        </a:p>
      </dgm:t>
    </dgm:pt>
    <dgm:pt modelId="{D8225856-77D6-49E6-BE5B-F40A41849923}">
      <dgm:prSet phldrT="[Text]"/>
      <dgm:spPr/>
      <dgm:t>
        <a:bodyPr/>
        <a:lstStyle/>
        <a:p>
          <a:r>
            <a:rPr lang="es-CO" noProof="0" dirty="0"/>
            <a:t>Puede manejar más volumen que los aeropuertos.</a:t>
          </a:r>
        </a:p>
      </dgm:t>
    </dgm:pt>
    <dgm:pt modelId="{4133075E-85E5-4C97-BE03-0E9ED79E5C2C}" type="parTrans" cxnId="{8E2711B2-4238-41C5-AA42-A645E5F8AA7D}">
      <dgm:prSet/>
      <dgm:spPr/>
      <dgm:t>
        <a:bodyPr/>
        <a:lstStyle/>
        <a:p>
          <a:endParaRPr lang="en-US"/>
        </a:p>
      </dgm:t>
    </dgm:pt>
    <dgm:pt modelId="{EF8D9AE5-B9B0-4E93-BED7-F5673F7FE0CB}" type="sibTrans" cxnId="{8E2711B2-4238-41C5-AA42-A645E5F8AA7D}">
      <dgm:prSet/>
      <dgm:spPr/>
      <dgm:t>
        <a:bodyPr/>
        <a:lstStyle/>
        <a:p>
          <a:endParaRPr lang="en-US"/>
        </a:p>
      </dgm:t>
    </dgm:pt>
    <dgm:pt modelId="{A20ABADA-5EEC-4E9F-AC60-C0B42ACE4432}">
      <dgm:prSet phldrT="[Text]">
        <dgm:style>
          <a:lnRef idx="2">
            <a:schemeClr val="accent3">
              <a:shade val="15000"/>
            </a:schemeClr>
          </a:lnRef>
          <a:fillRef idx="1">
            <a:schemeClr val="accent3"/>
          </a:fillRef>
          <a:effectRef idx="0">
            <a:schemeClr val="accent3"/>
          </a:effectRef>
          <a:fontRef idx="minor">
            <a:schemeClr val="lt1"/>
          </a:fontRef>
        </dgm:style>
      </dgm:prSet>
      <dgm:spPr>
        <a:ln>
          <a:noFill/>
        </a:ln>
      </dgm:spPr>
      <dgm:t>
        <a:bodyPr/>
        <a:lstStyle/>
        <a:p>
          <a:r>
            <a:rPr lang="es-CO" noProof="0" dirty="0"/>
            <a:t>Desventajas</a:t>
          </a:r>
        </a:p>
      </dgm:t>
    </dgm:pt>
    <dgm:pt modelId="{D9477AD8-562C-4DF2-90A4-B410A94FF728}" type="parTrans" cxnId="{039EA6BE-BA8F-4F7C-9F15-751999B8AD3E}">
      <dgm:prSet/>
      <dgm:spPr/>
      <dgm:t>
        <a:bodyPr/>
        <a:lstStyle/>
        <a:p>
          <a:endParaRPr lang="en-US"/>
        </a:p>
      </dgm:t>
    </dgm:pt>
    <dgm:pt modelId="{15D0AD40-BC78-432F-82B7-D6D91EDB5D44}" type="sibTrans" cxnId="{039EA6BE-BA8F-4F7C-9F15-751999B8AD3E}">
      <dgm:prSet/>
      <dgm:spPr/>
      <dgm:t>
        <a:bodyPr/>
        <a:lstStyle/>
        <a:p>
          <a:endParaRPr lang="en-US"/>
        </a:p>
      </dgm:t>
    </dgm:pt>
    <dgm:pt modelId="{29379B80-CB6F-4F15-A42A-F032455D94FB}">
      <dgm:prSet phldrT="[Text]">
        <dgm:style>
          <a:lnRef idx="2">
            <a:schemeClr val="accent3">
              <a:shade val="15000"/>
            </a:schemeClr>
          </a:lnRef>
          <a:fillRef idx="1">
            <a:schemeClr val="accent3"/>
          </a:fillRef>
          <a:effectRef idx="0">
            <a:schemeClr val="accent3"/>
          </a:effectRef>
          <a:fontRef idx="minor">
            <a:schemeClr val="lt1"/>
          </a:fontRef>
        </dgm:style>
      </dgm:prSet>
      <dgm:spPr>
        <a:solidFill>
          <a:schemeClr val="accent3">
            <a:lumMod val="20000"/>
            <a:lumOff val="80000"/>
          </a:schemeClr>
        </a:solidFill>
        <a:ln>
          <a:noFill/>
        </a:ln>
      </dgm:spPr>
      <dgm:t>
        <a:bodyPr/>
        <a:lstStyle/>
        <a:p>
          <a:r>
            <a:rPr lang="es-ES" dirty="0">
              <a:solidFill>
                <a:schemeClr val="dk1"/>
              </a:solidFill>
              <a:latin typeface="+mn-lt"/>
              <a:ea typeface="+mn-ea"/>
              <a:cs typeface="+mn-cs"/>
            </a:rPr>
            <a:t>Requiere infraestructura de suministro de combustible específica de SAF.</a:t>
          </a:r>
          <a:endParaRPr lang="en-US" dirty="0"/>
        </a:p>
      </dgm:t>
    </dgm:pt>
    <dgm:pt modelId="{B1384AAC-22CA-45D2-B789-990DE67E98E5}" type="parTrans" cxnId="{9E2D3806-E926-4044-ADF1-3860BCC84655}">
      <dgm:prSet/>
      <dgm:spPr/>
      <dgm:t>
        <a:bodyPr/>
        <a:lstStyle/>
        <a:p>
          <a:endParaRPr lang="en-US"/>
        </a:p>
      </dgm:t>
    </dgm:pt>
    <dgm:pt modelId="{D81B75E9-96C6-4BC8-960A-6A9FB1CF16F5}" type="sibTrans" cxnId="{9E2D3806-E926-4044-ADF1-3860BCC84655}">
      <dgm:prSet/>
      <dgm:spPr/>
      <dgm:t>
        <a:bodyPr/>
        <a:lstStyle/>
        <a:p>
          <a:endParaRPr lang="en-US"/>
        </a:p>
      </dgm:t>
    </dgm:pt>
    <dgm:pt modelId="{34AE2B4A-C2D6-4A8C-ADED-0C5EF7B799EF}">
      <dgm:prSet phldrT="[Text]"/>
      <dgm:spPr>
        <a:solidFill>
          <a:schemeClr val="accent2"/>
        </a:solidFill>
        <a:ln>
          <a:noFill/>
        </a:ln>
      </dgm:spPr>
      <dgm:t>
        <a:bodyPr/>
        <a:lstStyle/>
        <a:p>
          <a:r>
            <a:rPr lang="es-CO" noProof="0" dirty="0"/>
            <a:t>Limitaciones</a:t>
          </a:r>
        </a:p>
      </dgm:t>
    </dgm:pt>
    <dgm:pt modelId="{4B7651D8-73B0-4DDA-A5CA-077F39D0CAA7}" type="parTrans" cxnId="{85C67B88-8DBB-4615-BA74-60B89D4A6A8E}">
      <dgm:prSet/>
      <dgm:spPr/>
      <dgm:t>
        <a:bodyPr/>
        <a:lstStyle/>
        <a:p>
          <a:endParaRPr lang="en-US"/>
        </a:p>
      </dgm:t>
    </dgm:pt>
    <dgm:pt modelId="{07C99525-DE78-465F-9222-03722F9CB700}" type="sibTrans" cxnId="{85C67B88-8DBB-4615-BA74-60B89D4A6A8E}">
      <dgm:prSet/>
      <dgm:spPr/>
      <dgm:t>
        <a:bodyPr/>
        <a:lstStyle/>
        <a:p>
          <a:endParaRPr lang="en-US"/>
        </a:p>
      </dgm:t>
    </dgm:pt>
    <dgm:pt modelId="{D95F81D2-C7E1-4A71-81C4-10CA02A9B184}">
      <dgm:prSet phldrT="[Text]"/>
      <dgm:spPr>
        <a:solidFill>
          <a:schemeClr val="accent2">
            <a:lumMod val="20000"/>
            <a:lumOff val="80000"/>
            <a:alpha val="90000"/>
          </a:schemeClr>
        </a:solidFill>
        <a:ln>
          <a:noFill/>
        </a:ln>
      </dgm:spPr>
      <dgm:t>
        <a:bodyPr/>
        <a:lstStyle/>
        <a:p>
          <a:r>
            <a:rPr lang="es-ES" dirty="0">
              <a:solidFill>
                <a:schemeClr val="dk1"/>
              </a:solidFill>
              <a:latin typeface="+mn-lt"/>
              <a:ea typeface="+mn-ea"/>
              <a:cs typeface="+mn-cs"/>
            </a:rPr>
            <a:t>Se necesita un sistema de contabilidad eficiente y transparente para rastrear el combustible a los diferentes aeropuertos.</a:t>
          </a:r>
          <a:endParaRPr lang="en-US" dirty="0"/>
        </a:p>
      </dgm:t>
    </dgm:pt>
    <dgm:pt modelId="{663D433D-35C2-4A92-BFD6-4E7383AF4AE1}" type="parTrans" cxnId="{56A3C230-E3F2-44D9-9432-4B7B7A5192C3}">
      <dgm:prSet/>
      <dgm:spPr/>
      <dgm:t>
        <a:bodyPr/>
        <a:lstStyle/>
        <a:p>
          <a:endParaRPr lang="en-US"/>
        </a:p>
      </dgm:t>
    </dgm:pt>
    <dgm:pt modelId="{A2406E7B-BEFA-4025-A7D9-19A0442F07D7}" type="sibTrans" cxnId="{56A3C230-E3F2-44D9-9432-4B7B7A5192C3}">
      <dgm:prSet/>
      <dgm:spPr/>
      <dgm:t>
        <a:bodyPr/>
        <a:lstStyle/>
        <a:p>
          <a:endParaRPr lang="en-US"/>
        </a:p>
      </dgm:t>
    </dgm:pt>
    <dgm:pt modelId="{39BD70CB-0CC9-41B3-8C7F-8C24D9EDF29D}">
      <dgm:prSet/>
      <dgm:spPr/>
      <dgm:t>
        <a:bodyPr/>
        <a:lstStyle/>
        <a:p>
          <a:r>
            <a:rPr lang="es-CO" noProof="0" dirty="0"/>
            <a:t>Experiencia en manejar biocombustibles.</a:t>
          </a:r>
        </a:p>
      </dgm:t>
    </dgm:pt>
    <dgm:pt modelId="{4DCDF232-A662-4664-AE87-E9FAC2EFC649}" type="parTrans" cxnId="{3435E61A-2B2A-4F5F-B03A-18217AE11EF7}">
      <dgm:prSet/>
      <dgm:spPr/>
      <dgm:t>
        <a:bodyPr/>
        <a:lstStyle/>
        <a:p>
          <a:endParaRPr lang="en-US"/>
        </a:p>
      </dgm:t>
    </dgm:pt>
    <dgm:pt modelId="{78FEBAD5-D89E-4583-B3E7-66D7FD113C99}" type="sibTrans" cxnId="{3435E61A-2B2A-4F5F-B03A-18217AE11EF7}">
      <dgm:prSet/>
      <dgm:spPr/>
      <dgm:t>
        <a:bodyPr/>
        <a:lstStyle/>
        <a:p>
          <a:endParaRPr lang="en-US"/>
        </a:p>
      </dgm:t>
    </dgm:pt>
    <dgm:pt modelId="{91E3FE26-43DB-42BF-B596-3605B0556D89}">
      <dgm:prSet/>
      <dgm:spPr/>
      <dgm:t>
        <a:bodyPr/>
        <a:lstStyle/>
        <a:p>
          <a:r>
            <a:rPr lang="es-CO" noProof="0" dirty="0"/>
            <a:t>Infraestructura para cargar y descargar combustible. </a:t>
          </a:r>
        </a:p>
      </dgm:t>
    </dgm:pt>
    <dgm:pt modelId="{7E7810D6-EC84-4D89-BF4C-86276068ED6B}" type="parTrans" cxnId="{A91EDABD-5D6B-4BC3-B78A-F94F8010F44D}">
      <dgm:prSet/>
      <dgm:spPr/>
      <dgm:t>
        <a:bodyPr/>
        <a:lstStyle/>
        <a:p>
          <a:endParaRPr lang="en-US"/>
        </a:p>
      </dgm:t>
    </dgm:pt>
    <dgm:pt modelId="{E3D2D84E-D9EC-4140-9EE0-20A1F438A662}" type="sibTrans" cxnId="{A91EDABD-5D6B-4BC3-B78A-F94F8010F44D}">
      <dgm:prSet/>
      <dgm:spPr/>
      <dgm:t>
        <a:bodyPr/>
        <a:lstStyle/>
        <a:p>
          <a:endParaRPr lang="en-US"/>
        </a:p>
      </dgm:t>
    </dgm:pt>
    <dgm:pt modelId="{9DC852C1-967B-4A3B-8A76-FF5DF23C4A53}">
      <dgm:prSet/>
      <dgm:spPr/>
      <dgm:t>
        <a:bodyPr/>
        <a:lstStyle/>
        <a:p>
          <a:r>
            <a:rPr lang="es-CO" noProof="0" dirty="0"/>
            <a:t>Podría mantener la infraestructura de los aeropuertos intacta.</a:t>
          </a:r>
        </a:p>
      </dgm:t>
    </dgm:pt>
    <dgm:pt modelId="{A3E387A2-8447-4BC2-8C4C-67CC04D5EFCE}" type="parTrans" cxnId="{C43D03F0-957C-42A8-AE22-CA6B561015B9}">
      <dgm:prSet/>
      <dgm:spPr/>
      <dgm:t>
        <a:bodyPr/>
        <a:lstStyle/>
        <a:p>
          <a:endParaRPr lang="en-US"/>
        </a:p>
      </dgm:t>
    </dgm:pt>
    <dgm:pt modelId="{BAA17EDD-5FD7-4C97-BB0C-1E59564FCF46}" type="sibTrans" cxnId="{C43D03F0-957C-42A8-AE22-CA6B561015B9}">
      <dgm:prSet/>
      <dgm:spPr/>
      <dgm:t>
        <a:bodyPr/>
        <a:lstStyle/>
        <a:p>
          <a:endParaRPr lang="en-US"/>
        </a:p>
      </dgm:t>
    </dgm:pt>
    <dgm:pt modelId="{B7DF05CD-575C-4AD5-8582-C2C8B7CB51BD}">
      <dgm:prSet/>
      <dgm:spPr/>
      <dgm:t>
        <a:bodyPr/>
        <a:lstStyle/>
        <a:p>
          <a:r>
            <a:rPr lang="es-CO" noProof="0" dirty="0"/>
            <a:t>Operación industrial hace el sitio más viable que el Aeropuerto.</a:t>
          </a:r>
        </a:p>
      </dgm:t>
    </dgm:pt>
    <dgm:pt modelId="{5F784C0D-A84F-4DB0-8A61-40CD97CE1C94}" type="parTrans" cxnId="{4F9395DA-DFBB-462A-9CA4-370ED9FB5936}">
      <dgm:prSet/>
      <dgm:spPr/>
      <dgm:t>
        <a:bodyPr/>
        <a:lstStyle/>
        <a:p>
          <a:endParaRPr lang="en-US"/>
        </a:p>
      </dgm:t>
    </dgm:pt>
    <dgm:pt modelId="{3E571C3A-A01D-4E02-977A-DA5AAE988D53}" type="sibTrans" cxnId="{4F9395DA-DFBB-462A-9CA4-370ED9FB5936}">
      <dgm:prSet/>
      <dgm:spPr/>
      <dgm:t>
        <a:bodyPr/>
        <a:lstStyle/>
        <a:p>
          <a:endParaRPr lang="en-US"/>
        </a:p>
      </dgm:t>
    </dgm:pt>
    <dgm:pt modelId="{1ED3661C-14FA-449F-8E13-AD15008C3448}">
      <dgm:prSet/>
      <dgm:spPr/>
      <dgm:t>
        <a:bodyPr/>
        <a:lstStyle/>
        <a:p>
          <a:r>
            <a:rPr lang="es-CO" noProof="0" dirty="0"/>
            <a:t>Muchos aeropuertos pueden ser suplidos por el mismo terminal.</a:t>
          </a:r>
        </a:p>
      </dgm:t>
    </dgm:pt>
    <dgm:pt modelId="{5B3E79BD-5FA0-40FD-BE5B-791769D456FC}" type="parTrans" cxnId="{724271CF-4806-4857-AD41-A5C0F0C2A0C6}">
      <dgm:prSet/>
      <dgm:spPr/>
      <dgm:t>
        <a:bodyPr/>
        <a:lstStyle/>
        <a:p>
          <a:endParaRPr lang="en-US"/>
        </a:p>
      </dgm:t>
    </dgm:pt>
    <dgm:pt modelId="{5F002548-B295-48A3-91C6-05187300CD53}" type="sibTrans" cxnId="{724271CF-4806-4857-AD41-A5C0F0C2A0C6}">
      <dgm:prSet/>
      <dgm:spPr/>
      <dgm:t>
        <a:bodyPr/>
        <a:lstStyle/>
        <a:p>
          <a:endParaRPr lang="en-US"/>
        </a:p>
      </dgm:t>
    </dgm:pt>
    <dgm:pt modelId="{3DE278CD-187C-4346-861E-4B24A8FD36AF}">
      <dgm:prSet/>
      <dgm:spPr/>
      <dgm:t>
        <a:bodyPr/>
        <a:lstStyle/>
        <a:p>
          <a:r>
            <a:rPr lang="es-CO" noProof="0" dirty="0"/>
            <a:t>Algunos terminales pueden tener experiencia con mezclas de combustible.</a:t>
          </a:r>
        </a:p>
      </dgm:t>
    </dgm:pt>
    <dgm:pt modelId="{B5DE175E-EEA7-46FF-9C52-8338D06A6756}" type="parTrans" cxnId="{F331B1F2-71B5-44B4-8FE8-5148FACE7835}">
      <dgm:prSet/>
      <dgm:spPr/>
      <dgm:t>
        <a:bodyPr/>
        <a:lstStyle/>
        <a:p>
          <a:endParaRPr lang="en-US"/>
        </a:p>
      </dgm:t>
    </dgm:pt>
    <dgm:pt modelId="{46188C65-256E-488D-AA5D-25A41D28C949}" type="sibTrans" cxnId="{F331B1F2-71B5-44B4-8FE8-5148FACE7835}">
      <dgm:prSet/>
      <dgm:spPr/>
      <dgm:t>
        <a:bodyPr/>
        <a:lstStyle/>
        <a:p>
          <a:endParaRPr lang="en-US"/>
        </a:p>
      </dgm:t>
    </dgm:pt>
    <dgm:pt modelId="{E2BD7CF6-BDEA-41B7-95DE-D599862C8C86}" type="pres">
      <dgm:prSet presAssocID="{3553F815-59DA-41EE-A64F-AAE480A457FC}" presName="Name0" presStyleCnt="0">
        <dgm:presLayoutVars>
          <dgm:dir/>
          <dgm:animLvl val="lvl"/>
          <dgm:resizeHandles val="exact"/>
        </dgm:presLayoutVars>
      </dgm:prSet>
      <dgm:spPr/>
    </dgm:pt>
    <dgm:pt modelId="{AC0438BF-D75E-4A99-9264-AAEED0234098}" type="pres">
      <dgm:prSet presAssocID="{3AA57EA9-6FE3-4AB4-B333-89DDDE90B335}" presName="composite" presStyleCnt="0"/>
      <dgm:spPr/>
    </dgm:pt>
    <dgm:pt modelId="{A4B4434D-0C33-49CB-A615-A350CC7036D6}" type="pres">
      <dgm:prSet presAssocID="{3AA57EA9-6FE3-4AB4-B333-89DDDE90B335}" presName="parTx" presStyleLbl="alignNode1" presStyleIdx="0" presStyleCnt="3">
        <dgm:presLayoutVars>
          <dgm:chMax val="0"/>
          <dgm:chPref val="0"/>
          <dgm:bulletEnabled val="1"/>
        </dgm:presLayoutVars>
      </dgm:prSet>
      <dgm:spPr/>
    </dgm:pt>
    <dgm:pt modelId="{5C70D450-594E-4651-AEDF-B6E82A123A2F}" type="pres">
      <dgm:prSet presAssocID="{3AA57EA9-6FE3-4AB4-B333-89DDDE90B335}" presName="desTx" presStyleLbl="alignAccFollowNode1" presStyleIdx="0" presStyleCnt="3">
        <dgm:presLayoutVars>
          <dgm:bulletEnabled val="1"/>
        </dgm:presLayoutVars>
      </dgm:prSet>
      <dgm:spPr/>
    </dgm:pt>
    <dgm:pt modelId="{4A139E47-47A2-4692-AFED-4489BFA0476B}" type="pres">
      <dgm:prSet presAssocID="{13AA1C04-0B6C-4BE9-B50F-CC0CE583682D}" presName="space" presStyleCnt="0"/>
      <dgm:spPr/>
    </dgm:pt>
    <dgm:pt modelId="{A2728D13-3363-4EB8-B314-9A8F7FBC3D38}" type="pres">
      <dgm:prSet presAssocID="{A20ABADA-5EEC-4E9F-AC60-C0B42ACE4432}" presName="composite" presStyleCnt="0"/>
      <dgm:spPr/>
    </dgm:pt>
    <dgm:pt modelId="{D4F11930-CB4F-4C41-9A15-F7502571343B}" type="pres">
      <dgm:prSet presAssocID="{A20ABADA-5EEC-4E9F-AC60-C0B42ACE4432}" presName="parTx" presStyleLbl="alignNode1" presStyleIdx="1" presStyleCnt="3">
        <dgm:presLayoutVars>
          <dgm:chMax val="0"/>
          <dgm:chPref val="0"/>
          <dgm:bulletEnabled val="1"/>
        </dgm:presLayoutVars>
      </dgm:prSet>
      <dgm:spPr/>
    </dgm:pt>
    <dgm:pt modelId="{5EB2B5AB-BE24-4BFB-BEAA-C43918EA4503}" type="pres">
      <dgm:prSet presAssocID="{A20ABADA-5EEC-4E9F-AC60-C0B42ACE4432}" presName="desTx" presStyleLbl="alignAccFollowNode1" presStyleIdx="1" presStyleCnt="3">
        <dgm:presLayoutVars>
          <dgm:bulletEnabled val="1"/>
        </dgm:presLayoutVars>
      </dgm:prSet>
      <dgm:spPr/>
    </dgm:pt>
    <dgm:pt modelId="{9A04DB91-1333-4B58-A189-8AAF7CE5624A}" type="pres">
      <dgm:prSet presAssocID="{15D0AD40-BC78-432F-82B7-D6D91EDB5D44}" presName="space" presStyleCnt="0"/>
      <dgm:spPr/>
    </dgm:pt>
    <dgm:pt modelId="{0CB8423D-8C91-4362-A8D6-71519DB4BF4E}" type="pres">
      <dgm:prSet presAssocID="{34AE2B4A-C2D6-4A8C-ADED-0C5EF7B799EF}" presName="composite" presStyleCnt="0"/>
      <dgm:spPr/>
    </dgm:pt>
    <dgm:pt modelId="{267B7E50-6C8B-4AFA-B03A-5618D0371C26}" type="pres">
      <dgm:prSet presAssocID="{34AE2B4A-C2D6-4A8C-ADED-0C5EF7B799EF}" presName="parTx" presStyleLbl="alignNode1" presStyleIdx="2" presStyleCnt="3">
        <dgm:presLayoutVars>
          <dgm:chMax val="0"/>
          <dgm:chPref val="0"/>
          <dgm:bulletEnabled val="1"/>
        </dgm:presLayoutVars>
      </dgm:prSet>
      <dgm:spPr/>
    </dgm:pt>
    <dgm:pt modelId="{5C6620D5-3880-4CEE-A6F9-EE51BDF35308}" type="pres">
      <dgm:prSet presAssocID="{34AE2B4A-C2D6-4A8C-ADED-0C5EF7B799EF}" presName="desTx" presStyleLbl="alignAccFollowNode1" presStyleIdx="2" presStyleCnt="3">
        <dgm:presLayoutVars>
          <dgm:bulletEnabled val="1"/>
        </dgm:presLayoutVars>
      </dgm:prSet>
      <dgm:spPr/>
    </dgm:pt>
  </dgm:ptLst>
  <dgm:cxnLst>
    <dgm:cxn modelId="{9E2D3806-E926-4044-ADF1-3860BCC84655}" srcId="{A20ABADA-5EEC-4E9F-AC60-C0B42ACE4432}" destId="{29379B80-CB6F-4F15-A42A-F032455D94FB}" srcOrd="0" destOrd="0" parTransId="{B1384AAC-22CA-45D2-B789-990DE67E98E5}" sibTransId="{D81B75E9-96C6-4BC8-960A-6A9FB1CF16F5}"/>
    <dgm:cxn modelId="{51180416-AF00-4A89-957C-57F7C618982F}" type="presOf" srcId="{A20ABADA-5EEC-4E9F-AC60-C0B42ACE4432}" destId="{D4F11930-CB4F-4C41-9A15-F7502571343B}" srcOrd="0" destOrd="0" presId="urn:microsoft.com/office/officeart/2005/8/layout/hList1"/>
    <dgm:cxn modelId="{3435E61A-2B2A-4F5F-B03A-18217AE11EF7}" srcId="{3AA57EA9-6FE3-4AB4-B333-89DDDE90B335}" destId="{39BD70CB-0CC9-41B3-8C7F-8C24D9EDF29D}" srcOrd="1" destOrd="0" parTransId="{4DCDF232-A662-4664-AE87-E9FAC2EFC649}" sibTransId="{78FEBAD5-D89E-4583-B3E7-66D7FD113C99}"/>
    <dgm:cxn modelId="{09459C21-A75A-49E4-8C99-167157BC02B2}" srcId="{3553F815-59DA-41EE-A64F-AAE480A457FC}" destId="{3AA57EA9-6FE3-4AB4-B333-89DDDE90B335}" srcOrd="0" destOrd="0" parTransId="{74D2102F-FD6A-46F8-BBC2-6B74E6C8543A}" sibTransId="{13AA1C04-0B6C-4BE9-B50F-CC0CE583682D}"/>
    <dgm:cxn modelId="{8B5A2924-C80D-468D-AD98-B0A9A8CBBF9E}" type="presOf" srcId="{29379B80-CB6F-4F15-A42A-F032455D94FB}" destId="{5EB2B5AB-BE24-4BFB-BEAA-C43918EA4503}" srcOrd="0" destOrd="0" presId="urn:microsoft.com/office/officeart/2005/8/layout/hList1"/>
    <dgm:cxn modelId="{56A3C230-E3F2-44D9-9432-4B7B7A5192C3}" srcId="{34AE2B4A-C2D6-4A8C-ADED-0C5EF7B799EF}" destId="{D95F81D2-C7E1-4A71-81C4-10CA02A9B184}" srcOrd="0" destOrd="0" parTransId="{663D433D-35C2-4A92-BFD6-4E7383AF4AE1}" sibTransId="{A2406E7B-BEFA-4025-A7D9-19A0442F07D7}"/>
    <dgm:cxn modelId="{A5139A61-B4F2-46B2-B9C3-DC3E30EDE1D5}" type="presOf" srcId="{39BD70CB-0CC9-41B3-8C7F-8C24D9EDF29D}" destId="{5C70D450-594E-4651-AEDF-B6E82A123A2F}" srcOrd="0" destOrd="1" presId="urn:microsoft.com/office/officeart/2005/8/layout/hList1"/>
    <dgm:cxn modelId="{AB207E42-1AC8-4DFB-AD2C-3C2E70F44D35}" type="presOf" srcId="{3AA57EA9-6FE3-4AB4-B333-89DDDE90B335}" destId="{A4B4434D-0C33-49CB-A615-A350CC7036D6}" srcOrd="0" destOrd="0" presId="urn:microsoft.com/office/officeart/2005/8/layout/hList1"/>
    <dgm:cxn modelId="{D1466448-E0C3-40F6-90BA-B67F9E222C51}" type="presOf" srcId="{3553F815-59DA-41EE-A64F-AAE480A457FC}" destId="{E2BD7CF6-BDEA-41B7-95DE-D599862C8C86}" srcOrd="0" destOrd="0" presId="urn:microsoft.com/office/officeart/2005/8/layout/hList1"/>
    <dgm:cxn modelId="{996D1D6A-6F17-4994-A1FB-D60EA7827C12}" type="presOf" srcId="{D8225856-77D6-49E6-BE5B-F40A41849923}" destId="{5C70D450-594E-4651-AEDF-B6E82A123A2F}" srcOrd="0" destOrd="0" presId="urn:microsoft.com/office/officeart/2005/8/layout/hList1"/>
    <dgm:cxn modelId="{5FFA077E-55B2-4AAD-AE47-43D175D97A55}" type="presOf" srcId="{91E3FE26-43DB-42BF-B596-3605B0556D89}" destId="{5C70D450-594E-4651-AEDF-B6E82A123A2F}" srcOrd="0" destOrd="2" presId="urn:microsoft.com/office/officeart/2005/8/layout/hList1"/>
    <dgm:cxn modelId="{8AC78D86-707D-4201-AD9A-B964E0C49147}" type="presOf" srcId="{D95F81D2-C7E1-4A71-81C4-10CA02A9B184}" destId="{5C6620D5-3880-4CEE-A6F9-EE51BDF35308}" srcOrd="0" destOrd="0" presId="urn:microsoft.com/office/officeart/2005/8/layout/hList1"/>
    <dgm:cxn modelId="{85C67B88-8DBB-4615-BA74-60B89D4A6A8E}" srcId="{3553F815-59DA-41EE-A64F-AAE480A457FC}" destId="{34AE2B4A-C2D6-4A8C-ADED-0C5EF7B799EF}" srcOrd="2" destOrd="0" parTransId="{4B7651D8-73B0-4DDA-A5CA-077F39D0CAA7}" sibTransId="{07C99525-DE78-465F-9222-03722F9CB700}"/>
    <dgm:cxn modelId="{71BDEF8F-D67A-4F4C-B0A9-5391F61F6634}" type="presOf" srcId="{9DC852C1-967B-4A3B-8A76-FF5DF23C4A53}" destId="{5C70D450-594E-4651-AEDF-B6E82A123A2F}" srcOrd="0" destOrd="3" presId="urn:microsoft.com/office/officeart/2005/8/layout/hList1"/>
    <dgm:cxn modelId="{B6A025AA-89A7-4D74-A46B-8E5DC964B334}" type="presOf" srcId="{B7DF05CD-575C-4AD5-8582-C2C8B7CB51BD}" destId="{5C70D450-594E-4651-AEDF-B6E82A123A2F}" srcOrd="0" destOrd="4" presId="urn:microsoft.com/office/officeart/2005/8/layout/hList1"/>
    <dgm:cxn modelId="{8E2711B2-4238-41C5-AA42-A645E5F8AA7D}" srcId="{3AA57EA9-6FE3-4AB4-B333-89DDDE90B335}" destId="{D8225856-77D6-49E6-BE5B-F40A41849923}" srcOrd="0" destOrd="0" parTransId="{4133075E-85E5-4C97-BE03-0E9ED79E5C2C}" sibTransId="{EF8D9AE5-B9B0-4E93-BED7-F5673F7FE0CB}"/>
    <dgm:cxn modelId="{A91EDABD-5D6B-4BC3-B78A-F94F8010F44D}" srcId="{3AA57EA9-6FE3-4AB4-B333-89DDDE90B335}" destId="{91E3FE26-43DB-42BF-B596-3605B0556D89}" srcOrd="2" destOrd="0" parTransId="{7E7810D6-EC84-4D89-BF4C-86276068ED6B}" sibTransId="{E3D2D84E-D9EC-4140-9EE0-20A1F438A662}"/>
    <dgm:cxn modelId="{039EA6BE-BA8F-4F7C-9F15-751999B8AD3E}" srcId="{3553F815-59DA-41EE-A64F-AAE480A457FC}" destId="{A20ABADA-5EEC-4E9F-AC60-C0B42ACE4432}" srcOrd="1" destOrd="0" parTransId="{D9477AD8-562C-4DF2-90A4-B410A94FF728}" sibTransId="{15D0AD40-BC78-432F-82B7-D6D91EDB5D44}"/>
    <dgm:cxn modelId="{CBBCC6CB-F41F-47A0-BA5D-CD0BD5A9A887}" type="presOf" srcId="{3DE278CD-187C-4346-861E-4B24A8FD36AF}" destId="{5C70D450-594E-4651-AEDF-B6E82A123A2F}" srcOrd="0" destOrd="6" presId="urn:microsoft.com/office/officeart/2005/8/layout/hList1"/>
    <dgm:cxn modelId="{724271CF-4806-4857-AD41-A5C0F0C2A0C6}" srcId="{3AA57EA9-6FE3-4AB4-B333-89DDDE90B335}" destId="{1ED3661C-14FA-449F-8E13-AD15008C3448}" srcOrd="5" destOrd="0" parTransId="{5B3E79BD-5FA0-40FD-BE5B-791769D456FC}" sibTransId="{5F002548-B295-48A3-91C6-05187300CD53}"/>
    <dgm:cxn modelId="{6F880BD2-7D74-4DA1-A74D-BEE064A78A8A}" type="presOf" srcId="{34AE2B4A-C2D6-4A8C-ADED-0C5EF7B799EF}" destId="{267B7E50-6C8B-4AFA-B03A-5618D0371C26}" srcOrd="0" destOrd="0" presId="urn:microsoft.com/office/officeart/2005/8/layout/hList1"/>
    <dgm:cxn modelId="{4F9395DA-DFBB-462A-9CA4-370ED9FB5936}" srcId="{3AA57EA9-6FE3-4AB4-B333-89DDDE90B335}" destId="{B7DF05CD-575C-4AD5-8582-C2C8B7CB51BD}" srcOrd="4" destOrd="0" parTransId="{5F784C0D-A84F-4DB0-8A61-40CD97CE1C94}" sibTransId="{3E571C3A-A01D-4E02-977A-DA5AAE988D53}"/>
    <dgm:cxn modelId="{67F9BDDB-F5E1-493B-9DE3-119CE2D9DE51}" type="presOf" srcId="{1ED3661C-14FA-449F-8E13-AD15008C3448}" destId="{5C70D450-594E-4651-AEDF-B6E82A123A2F}" srcOrd="0" destOrd="5" presId="urn:microsoft.com/office/officeart/2005/8/layout/hList1"/>
    <dgm:cxn modelId="{C43D03F0-957C-42A8-AE22-CA6B561015B9}" srcId="{3AA57EA9-6FE3-4AB4-B333-89DDDE90B335}" destId="{9DC852C1-967B-4A3B-8A76-FF5DF23C4A53}" srcOrd="3" destOrd="0" parTransId="{A3E387A2-8447-4BC2-8C4C-67CC04D5EFCE}" sibTransId="{BAA17EDD-5FD7-4C97-BB0C-1E59564FCF46}"/>
    <dgm:cxn modelId="{F331B1F2-71B5-44B4-8FE8-5148FACE7835}" srcId="{3AA57EA9-6FE3-4AB4-B333-89DDDE90B335}" destId="{3DE278CD-187C-4346-861E-4B24A8FD36AF}" srcOrd="6" destOrd="0" parTransId="{B5DE175E-EEA7-46FF-9C52-8338D06A6756}" sibTransId="{46188C65-256E-488D-AA5D-25A41D28C949}"/>
    <dgm:cxn modelId="{BBA33C67-A786-49AB-832D-3A301647168B}" type="presParOf" srcId="{E2BD7CF6-BDEA-41B7-95DE-D599862C8C86}" destId="{AC0438BF-D75E-4A99-9264-AAEED0234098}" srcOrd="0" destOrd="0" presId="urn:microsoft.com/office/officeart/2005/8/layout/hList1"/>
    <dgm:cxn modelId="{97EC1A17-0B2D-43C5-BD1E-A5E6A4B7FF90}" type="presParOf" srcId="{AC0438BF-D75E-4A99-9264-AAEED0234098}" destId="{A4B4434D-0C33-49CB-A615-A350CC7036D6}" srcOrd="0" destOrd="0" presId="urn:microsoft.com/office/officeart/2005/8/layout/hList1"/>
    <dgm:cxn modelId="{D4856723-9B02-4AEE-81D5-64E58BB08822}" type="presParOf" srcId="{AC0438BF-D75E-4A99-9264-AAEED0234098}" destId="{5C70D450-594E-4651-AEDF-B6E82A123A2F}" srcOrd="1" destOrd="0" presId="urn:microsoft.com/office/officeart/2005/8/layout/hList1"/>
    <dgm:cxn modelId="{73D1841E-2BA6-4E08-9A55-CE868223E990}" type="presParOf" srcId="{E2BD7CF6-BDEA-41B7-95DE-D599862C8C86}" destId="{4A139E47-47A2-4692-AFED-4489BFA0476B}" srcOrd="1" destOrd="0" presId="urn:microsoft.com/office/officeart/2005/8/layout/hList1"/>
    <dgm:cxn modelId="{C54DC6B3-DECC-4953-836C-D7FB3467ED44}" type="presParOf" srcId="{E2BD7CF6-BDEA-41B7-95DE-D599862C8C86}" destId="{A2728D13-3363-4EB8-B314-9A8F7FBC3D38}" srcOrd="2" destOrd="0" presId="urn:microsoft.com/office/officeart/2005/8/layout/hList1"/>
    <dgm:cxn modelId="{CEAEB2FD-2B85-4495-92CD-D6E264A0D174}" type="presParOf" srcId="{A2728D13-3363-4EB8-B314-9A8F7FBC3D38}" destId="{D4F11930-CB4F-4C41-9A15-F7502571343B}" srcOrd="0" destOrd="0" presId="urn:microsoft.com/office/officeart/2005/8/layout/hList1"/>
    <dgm:cxn modelId="{2326CB3E-C6DF-4990-AFC6-F46E7BB4570D}" type="presParOf" srcId="{A2728D13-3363-4EB8-B314-9A8F7FBC3D38}" destId="{5EB2B5AB-BE24-4BFB-BEAA-C43918EA4503}" srcOrd="1" destOrd="0" presId="urn:microsoft.com/office/officeart/2005/8/layout/hList1"/>
    <dgm:cxn modelId="{BE50F348-5CD0-4C4A-A834-5AA22B2A191E}" type="presParOf" srcId="{E2BD7CF6-BDEA-41B7-95DE-D599862C8C86}" destId="{9A04DB91-1333-4B58-A189-8AAF7CE5624A}" srcOrd="3" destOrd="0" presId="urn:microsoft.com/office/officeart/2005/8/layout/hList1"/>
    <dgm:cxn modelId="{F4EFA79E-4833-4DC0-A2A9-AACDB63F4F4E}" type="presParOf" srcId="{E2BD7CF6-BDEA-41B7-95DE-D599862C8C86}" destId="{0CB8423D-8C91-4362-A8D6-71519DB4BF4E}" srcOrd="4" destOrd="0" presId="urn:microsoft.com/office/officeart/2005/8/layout/hList1"/>
    <dgm:cxn modelId="{36BF52BC-37AA-40E2-A8D0-3EE9A8C05F6D}" type="presParOf" srcId="{0CB8423D-8C91-4362-A8D6-71519DB4BF4E}" destId="{267B7E50-6C8B-4AFA-B03A-5618D0371C26}" srcOrd="0" destOrd="0" presId="urn:microsoft.com/office/officeart/2005/8/layout/hList1"/>
    <dgm:cxn modelId="{E5A84184-078E-465A-A6D6-477E1C53FD2F}" type="presParOf" srcId="{0CB8423D-8C91-4362-A8D6-71519DB4BF4E}" destId="{5C6620D5-3880-4CEE-A6F9-EE51BDF35308}" srcOrd="1" destOrd="0" presId="urn:microsoft.com/office/officeart/2005/8/layout/hList1"/>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3553F815-59DA-41EE-A64F-AAE480A457FC}" type="doc">
      <dgm:prSet loTypeId="urn:microsoft.com/office/officeart/2005/8/layout/hList1" loCatId="list" qsTypeId="urn:microsoft.com/office/officeart/2005/8/quickstyle/simple1" qsCatId="simple" csTypeId="urn:microsoft.com/office/officeart/2005/8/colors/colorful4" csCatId="colorful" phldr="1"/>
      <dgm:spPr/>
      <dgm:t>
        <a:bodyPr/>
        <a:lstStyle/>
        <a:p>
          <a:endParaRPr lang="en-US"/>
        </a:p>
      </dgm:t>
    </dgm:pt>
    <dgm:pt modelId="{3AA57EA9-6FE3-4AB4-B333-89DDDE90B335}">
      <dgm:prSet phldrT="[Text]"/>
      <dgm:spPr/>
      <dgm:t>
        <a:bodyPr/>
        <a:lstStyle/>
        <a:p>
          <a:r>
            <a:rPr lang="es-CO" noProof="0" dirty="0"/>
            <a:t>Ventajas</a:t>
          </a:r>
        </a:p>
      </dgm:t>
    </dgm:pt>
    <dgm:pt modelId="{74D2102F-FD6A-46F8-BBC2-6B74E6C8543A}" type="parTrans" cxnId="{09459C21-A75A-49E4-8C99-167157BC02B2}">
      <dgm:prSet/>
      <dgm:spPr/>
      <dgm:t>
        <a:bodyPr/>
        <a:lstStyle/>
        <a:p>
          <a:endParaRPr lang="en-US"/>
        </a:p>
      </dgm:t>
    </dgm:pt>
    <dgm:pt modelId="{13AA1C04-0B6C-4BE9-B50F-CC0CE583682D}" type="sibTrans" cxnId="{09459C21-A75A-49E4-8C99-167157BC02B2}">
      <dgm:prSet/>
      <dgm:spPr/>
      <dgm:t>
        <a:bodyPr/>
        <a:lstStyle/>
        <a:p>
          <a:endParaRPr lang="en-US"/>
        </a:p>
      </dgm:t>
    </dgm:pt>
    <dgm:pt modelId="{D8225856-77D6-49E6-BE5B-F40A41849923}">
      <dgm:prSet phldrT="[Text]"/>
      <dgm:spPr/>
      <dgm:t>
        <a:bodyPr/>
        <a:lstStyle/>
        <a:p>
          <a:r>
            <a:rPr lang="es-ES" dirty="0"/>
            <a:t>Se necesitan menos camiones para SAF. (1 camión con 100% SAF frente a 3 camiones con 33% SAF).</a:t>
          </a:r>
          <a:endParaRPr lang="en-US" dirty="0"/>
        </a:p>
      </dgm:t>
    </dgm:pt>
    <dgm:pt modelId="{4133075E-85E5-4C97-BE03-0E9ED79E5C2C}" type="parTrans" cxnId="{8E2711B2-4238-41C5-AA42-A645E5F8AA7D}">
      <dgm:prSet/>
      <dgm:spPr/>
      <dgm:t>
        <a:bodyPr/>
        <a:lstStyle/>
        <a:p>
          <a:endParaRPr lang="en-US"/>
        </a:p>
      </dgm:t>
    </dgm:pt>
    <dgm:pt modelId="{EF8D9AE5-B9B0-4E93-BED7-F5673F7FE0CB}" type="sibTrans" cxnId="{8E2711B2-4238-41C5-AA42-A645E5F8AA7D}">
      <dgm:prSet/>
      <dgm:spPr/>
      <dgm:t>
        <a:bodyPr/>
        <a:lstStyle/>
        <a:p>
          <a:endParaRPr lang="en-US"/>
        </a:p>
      </dgm:t>
    </dgm:pt>
    <dgm:pt modelId="{A20ABADA-5EEC-4E9F-AC60-C0B42ACE4432}">
      <dgm:prSet phldrT="[Text]">
        <dgm:style>
          <a:lnRef idx="2">
            <a:schemeClr val="accent3">
              <a:shade val="15000"/>
            </a:schemeClr>
          </a:lnRef>
          <a:fillRef idx="1">
            <a:schemeClr val="accent3"/>
          </a:fillRef>
          <a:effectRef idx="0">
            <a:schemeClr val="accent3"/>
          </a:effectRef>
          <a:fontRef idx="minor">
            <a:schemeClr val="lt1"/>
          </a:fontRef>
        </dgm:style>
      </dgm:prSet>
      <dgm:spPr>
        <a:ln>
          <a:noFill/>
        </a:ln>
      </dgm:spPr>
      <dgm:t>
        <a:bodyPr/>
        <a:lstStyle/>
        <a:p>
          <a:r>
            <a:rPr lang="es-CO" noProof="0" dirty="0"/>
            <a:t>Desventajas</a:t>
          </a:r>
        </a:p>
      </dgm:t>
    </dgm:pt>
    <dgm:pt modelId="{D9477AD8-562C-4DF2-90A4-B410A94FF728}" type="parTrans" cxnId="{039EA6BE-BA8F-4F7C-9F15-751999B8AD3E}">
      <dgm:prSet/>
      <dgm:spPr/>
      <dgm:t>
        <a:bodyPr/>
        <a:lstStyle/>
        <a:p>
          <a:endParaRPr lang="en-US"/>
        </a:p>
      </dgm:t>
    </dgm:pt>
    <dgm:pt modelId="{15D0AD40-BC78-432F-82B7-D6D91EDB5D44}" type="sibTrans" cxnId="{039EA6BE-BA8F-4F7C-9F15-751999B8AD3E}">
      <dgm:prSet/>
      <dgm:spPr/>
      <dgm:t>
        <a:bodyPr/>
        <a:lstStyle/>
        <a:p>
          <a:endParaRPr lang="en-US"/>
        </a:p>
      </dgm:t>
    </dgm:pt>
    <dgm:pt modelId="{29379B80-CB6F-4F15-A42A-F032455D94FB}">
      <dgm:prSet phldrT="[Text]">
        <dgm:style>
          <a:lnRef idx="2">
            <a:schemeClr val="accent3">
              <a:shade val="15000"/>
            </a:schemeClr>
          </a:lnRef>
          <a:fillRef idx="1">
            <a:schemeClr val="accent3"/>
          </a:fillRef>
          <a:effectRef idx="0">
            <a:schemeClr val="accent3"/>
          </a:effectRef>
          <a:fontRef idx="minor">
            <a:schemeClr val="lt1"/>
          </a:fontRef>
        </dgm:style>
      </dgm:prSet>
      <dgm:spPr>
        <a:solidFill>
          <a:schemeClr val="accent3">
            <a:lumMod val="20000"/>
            <a:lumOff val="80000"/>
          </a:schemeClr>
        </a:solidFill>
        <a:ln>
          <a:noFill/>
        </a:ln>
      </dgm:spPr>
      <dgm:t>
        <a:bodyPr/>
        <a:lstStyle/>
        <a:p>
          <a:r>
            <a:rPr lang="es-ES" dirty="0"/>
            <a:t>Requiere infraestructura aeroportuaria adicional para recibir, almacenar y mezclar el combustible.</a:t>
          </a:r>
          <a:endParaRPr lang="en-US" dirty="0"/>
        </a:p>
      </dgm:t>
    </dgm:pt>
    <dgm:pt modelId="{B1384AAC-22CA-45D2-B789-990DE67E98E5}" type="parTrans" cxnId="{9E2D3806-E926-4044-ADF1-3860BCC84655}">
      <dgm:prSet/>
      <dgm:spPr/>
      <dgm:t>
        <a:bodyPr/>
        <a:lstStyle/>
        <a:p>
          <a:endParaRPr lang="en-US"/>
        </a:p>
      </dgm:t>
    </dgm:pt>
    <dgm:pt modelId="{D81B75E9-96C6-4BC8-960A-6A9FB1CF16F5}" type="sibTrans" cxnId="{9E2D3806-E926-4044-ADF1-3860BCC84655}">
      <dgm:prSet/>
      <dgm:spPr/>
      <dgm:t>
        <a:bodyPr/>
        <a:lstStyle/>
        <a:p>
          <a:endParaRPr lang="en-US"/>
        </a:p>
      </dgm:t>
    </dgm:pt>
    <dgm:pt modelId="{34AE2B4A-C2D6-4A8C-ADED-0C5EF7B799EF}">
      <dgm:prSet phldrT="[Text]"/>
      <dgm:spPr>
        <a:solidFill>
          <a:schemeClr val="accent2"/>
        </a:solidFill>
        <a:ln>
          <a:noFill/>
        </a:ln>
      </dgm:spPr>
      <dgm:t>
        <a:bodyPr/>
        <a:lstStyle/>
        <a:p>
          <a:r>
            <a:rPr lang="es-CO" noProof="0" dirty="0"/>
            <a:t>Limitaciones</a:t>
          </a:r>
        </a:p>
      </dgm:t>
    </dgm:pt>
    <dgm:pt modelId="{4B7651D8-73B0-4DDA-A5CA-077F39D0CAA7}" type="parTrans" cxnId="{85C67B88-8DBB-4615-BA74-60B89D4A6A8E}">
      <dgm:prSet/>
      <dgm:spPr/>
      <dgm:t>
        <a:bodyPr/>
        <a:lstStyle/>
        <a:p>
          <a:endParaRPr lang="en-US"/>
        </a:p>
      </dgm:t>
    </dgm:pt>
    <dgm:pt modelId="{07C99525-DE78-465F-9222-03722F9CB700}" type="sibTrans" cxnId="{85C67B88-8DBB-4615-BA74-60B89D4A6A8E}">
      <dgm:prSet/>
      <dgm:spPr/>
      <dgm:t>
        <a:bodyPr/>
        <a:lstStyle/>
        <a:p>
          <a:endParaRPr lang="en-US"/>
        </a:p>
      </dgm:t>
    </dgm:pt>
    <dgm:pt modelId="{D95F81D2-C7E1-4A71-81C4-10CA02A9B184}">
      <dgm:prSet phldrT="[Text]"/>
      <dgm:spPr>
        <a:solidFill>
          <a:schemeClr val="accent2">
            <a:lumMod val="20000"/>
            <a:lumOff val="80000"/>
            <a:alpha val="90000"/>
          </a:schemeClr>
        </a:solidFill>
        <a:ln>
          <a:noFill/>
        </a:ln>
      </dgm:spPr>
      <dgm:t>
        <a:bodyPr/>
        <a:lstStyle/>
        <a:p>
          <a:r>
            <a:rPr lang="es-ES" dirty="0"/>
            <a:t>Se necesitan camiones para el transporte de SAF si no se permite el 100% de SAF en el oleoducto (este es el caso actualmente), lo que restringe los volúmenes de entrega.</a:t>
          </a:r>
          <a:endParaRPr lang="en-US" dirty="0"/>
        </a:p>
      </dgm:t>
    </dgm:pt>
    <dgm:pt modelId="{663D433D-35C2-4A92-BFD6-4E7383AF4AE1}" type="parTrans" cxnId="{56A3C230-E3F2-44D9-9432-4B7B7A5192C3}">
      <dgm:prSet/>
      <dgm:spPr/>
      <dgm:t>
        <a:bodyPr/>
        <a:lstStyle/>
        <a:p>
          <a:endParaRPr lang="en-US"/>
        </a:p>
      </dgm:t>
    </dgm:pt>
    <dgm:pt modelId="{A2406E7B-BEFA-4025-A7D9-19A0442F07D7}" type="sibTrans" cxnId="{56A3C230-E3F2-44D9-9432-4B7B7A5192C3}">
      <dgm:prSet/>
      <dgm:spPr/>
      <dgm:t>
        <a:bodyPr/>
        <a:lstStyle/>
        <a:p>
          <a:endParaRPr lang="en-US"/>
        </a:p>
      </dgm:t>
    </dgm:pt>
    <dgm:pt modelId="{D4A0EB55-6279-4E96-AEA6-C073C5FFC940}">
      <dgm:prSet/>
      <dgm:spPr/>
      <dgm:t>
        <a:bodyPr/>
        <a:lstStyle/>
        <a:p>
          <a:r>
            <a:rPr lang="es-ES" dirty="0"/>
            <a:t>Costos de transporte potencialmente reducidos. </a:t>
          </a:r>
        </a:p>
      </dgm:t>
    </dgm:pt>
    <dgm:pt modelId="{536A6FC8-3D4C-447E-8DF5-B1015E7DC677}" type="parTrans" cxnId="{C2C99B16-4E6D-4CA5-BC4F-0CAF7784D3EE}">
      <dgm:prSet/>
      <dgm:spPr/>
      <dgm:t>
        <a:bodyPr/>
        <a:lstStyle/>
        <a:p>
          <a:endParaRPr lang="en-US"/>
        </a:p>
      </dgm:t>
    </dgm:pt>
    <dgm:pt modelId="{9438136F-A6C8-448C-8F3F-A3F472E9EEB4}" type="sibTrans" cxnId="{C2C99B16-4E6D-4CA5-BC4F-0CAF7784D3EE}">
      <dgm:prSet/>
      <dgm:spPr/>
      <dgm:t>
        <a:bodyPr/>
        <a:lstStyle/>
        <a:p>
          <a:endParaRPr lang="en-US"/>
        </a:p>
      </dgm:t>
    </dgm:pt>
    <dgm:pt modelId="{2CB8B787-BAD6-48E4-928A-15CA2E9E3F1A}">
      <dgm:prSet/>
      <dgm:spPr/>
      <dgm:t>
        <a:bodyPr/>
        <a:lstStyle/>
        <a:p>
          <a:r>
            <a:rPr lang="es-ES" dirty="0"/>
            <a:t>Aumenta la visibilidad y la presencia de SAF a la fuerza laboral aeroportuaria.</a:t>
          </a:r>
        </a:p>
      </dgm:t>
    </dgm:pt>
    <dgm:pt modelId="{79E43E1D-6D58-4C8C-831A-0FA07824078A}" type="parTrans" cxnId="{0B0A3871-973D-412A-964A-0DAB3E81C580}">
      <dgm:prSet/>
      <dgm:spPr/>
      <dgm:t>
        <a:bodyPr/>
        <a:lstStyle/>
        <a:p>
          <a:endParaRPr lang="en-US"/>
        </a:p>
      </dgm:t>
    </dgm:pt>
    <dgm:pt modelId="{EC009B00-735D-4B3A-B713-3359DD732566}" type="sibTrans" cxnId="{0B0A3871-973D-412A-964A-0DAB3E81C580}">
      <dgm:prSet/>
      <dgm:spPr/>
      <dgm:t>
        <a:bodyPr/>
        <a:lstStyle/>
        <a:p>
          <a:endParaRPr lang="en-US"/>
        </a:p>
      </dgm:t>
    </dgm:pt>
    <dgm:pt modelId="{F40C973E-ADA4-4AF0-B60D-588CB41AA1EB}">
      <dgm:prSet/>
      <dgm:spPr/>
      <dgm:t>
        <a:bodyPr/>
        <a:lstStyle/>
        <a:p>
          <a:r>
            <a:rPr lang="es-ES" dirty="0"/>
            <a:t>Requiere duplicación de las cadenas de suministro de combustible hasta el aeropuerto.</a:t>
          </a:r>
        </a:p>
      </dgm:t>
    </dgm:pt>
    <dgm:pt modelId="{9620ADAB-9582-43B0-88F6-40014DF39E95}" type="parTrans" cxnId="{29F79B28-1C00-420B-A3D3-C9FCD0275595}">
      <dgm:prSet/>
      <dgm:spPr/>
      <dgm:t>
        <a:bodyPr/>
        <a:lstStyle/>
        <a:p>
          <a:endParaRPr lang="en-US"/>
        </a:p>
      </dgm:t>
    </dgm:pt>
    <dgm:pt modelId="{BB4486C4-764E-4D5C-826C-348282AC3E57}" type="sibTrans" cxnId="{29F79B28-1C00-420B-A3D3-C9FCD0275595}">
      <dgm:prSet/>
      <dgm:spPr/>
      <dgm:t>
        <a:bodyPr/>
        <a:lstStyle/>
        <a:p>
          <a:endParaRPr lang="en-US"/>
        </a:p>
      </dgm:t>
    </dgm:pt>
    <dgm:pt modelId="{59F77869-21F9-4AA5-A790-C2CB75E8244F}">
      <dgm:prSet/>
      <dgm:spPr/>
      <dgm:t>
        <a:bodyPr/>
        <a:lstStyle/>
        <a:p>
          <a:r>
            <a:rPr lang="es-ES" dirty="0"/>
            <a:t>La certificación del combustible debe realizarse in situ.</a:t>
          </a:r>
        </a:p>
      </dgm:t>
    </dgm:pt>
    <dgm:pt modelId="{35589C95-21A2-4A26-8CAC-751597DA2006}" type="parTrans" cxnId="{29EC82DF-54CE-4232-9D86-DC6DAAEB66D7}">
      <dgm:prSet/>
      <dgm:spPr/>
      <dgm:t>
        <a:bodyPr/>
        <a:lstStyle/>
        <a:p>
          <a:endParaRPr lang="en-US"/>
        </a:p>
      </dgm:t>
    </dgm:pt>
    <dgm:pt modelId="{F56A2FE0-2BBA-4212-96AC-4B39F314BB1A}" type="sibTrans" cxnId="{29EC82DF-54CE-4232-9D86-DC6DAAEB66D7}">
      <dgm:prSet/>
      <dgm:spPr/>
      <dgm:t>
        <a:bodyPr/>
        <a:lstStyle/>
        <a:p>
          <a:endParaRPr lang="en-US"/>
        </a:p>
      </dgm:t>
    </dgm:pt>
    <dgm:pt modelId="{43AD74A1-ABB3-428F-845A-A304B6928E37}">
      <dgm:prSet/>
      <dgm:spPr/>
      <dgm:t>
        <a:bodyPr/>
        <a:lstStyle/>
        <a:p>
          <a:r>
            <a:rPr lang="es-ES" dirty="0"/>
            <a:t>Incrementa la congestión del tráfico terrestre.</a:t>
          </a:r>
        </a:p>
      </dgm:t>
    </dgm:pt>
    <dgm:pt modelId="{6CFE89DE-4E54-4E6C-B52D-289579C19ECF}" type="parTrans" cxnId="{9FE2C720-BF61-446C-B9FE-0ABEDE2176B1}">
      <dgm:prSet/>
      <dgm:spPr/>
      <dgm:t>
        <a:bodyPr/>
        <a:lstStyle/>
        <a:p>
          <a:endParaRPr lang="en-US"/>
        </a:p>
      </dgm:t>
    </dgm:pt>
    <dgm:pt modelId="{04992AAB-A497-42D4-83A1-D15A9649FC59}" type="sibTrans" cxnId="{9FE2C720-BF61-446C-B9FE-0ABEDE2176B1}">
      <dgm:prSet/>
      <dgm:spPr/>
      <dgm:t>
        <a:bodyPr/>
        <a:lstStyle/>
        <a:p>
          <a:endParaRPr lang="en-US"/>
        </a:p>
      </dgm:t>
    </dgm:pt>
    <dgm:pt modelId="{3804FC19-EAAC-4416-A8A5-4F45D4E21491}">
      <dgm:prSet/>
      <dgm:spPr/>
      <dgm:t>
        <a:bodyPr/>
        <a:lstStyle/>
        <a:p>
          <a:r>
            <a:rPr lang="es-ES" dirty="0"/>
            <a:t>La capacidad de almacenamiento de tanques del aeropuerto es pequeña en comparación con otros lugares.</a:t>
          </a:r>
        </a:p>
      </dgm:t>
    </dgm:pt>
    <dgm:pt modelId="{6FCD4E87-3555-4249-9443-33521803156A}" type="parTrans" cxnId="{B9BACB7D-3181-4CFA-BEB2-9BEBB53A555B}">
      <dgm:prSet/>
      <dgm:spPr/>
      <dgm:t>
        <a:bodyPr/>
        <a:lstStyle/>
        <a:p>
          <a:endParaRPr lang="en-US"/>
        </a:p>
      </dgm:t>
    </dgm:pt>
    <dgm:pt modelId="{DDC2CA03-F4A6-491C-A7AF-626D76F34115}" type="sibTrans" cxnId="{B9BACB7D-3181-4CFA-BEB2-9BEBB53A555B}">
      <dgm:prSet/>
      <dgm:spPr/>
      <dgm:t>
        <a:bodyPr/>
        <a:lstStyle/>
        <a:p>
          <a:endParaRPr lang="en-US"/>
        </a:p>
      </dgm:t>
    </dgm:pt>
    <dgm:pt modelId="{A48D7CD7-D8D9-4BA7-825A-424DE28153E8}">
      <dgm:prSet/>
      <dgm:spPr/>
      <dgm:t>
        <a:bodyPr/>
        <a:lstStyle/>
        <a:p>
          <a:r>
            <a:rPr lang="es-ES" dirty="0"/>
            <a:t>Se requerirían regulaciones para la mezcla in situ – Falta de experiencia en los requisitos de certificación.</a:t>
          </a:r>
        </a:p>
      </dgm:t>
    </dgm:pt>
    <dgm:pt modelId="{10A9E451-ED04-41E7-872E-A16A936F71F5}" type="parTrans" cxnId="{BDC4407B-C215-4E07-9B90-8BAEA1E56E0C}">
      <dgm:prSet/>
      <dgm:spPr/>
      <dgm:t>
        <a:bodyPr/>
        <a:lstStyle/>
        <a:p>
          <a:endParaRPr lang="en-US"/>
        </a:p>
      </dgm:t>
    </dgm:pt>
    <dgm:pt modelId="{FB1449C8-25E7-4697-8B05-992742C75C77}" type="sibTrans" cxnId="{BDC4407B-C215-4E07-9B90-8BAEA1E56E0C}">
      <dgm:prSet/>
      <dgm:spPr/>
      <dgm:t>
        <a:bodyPr/>
        <a:lstStyle/>
        <a:p>
          <a:endParaRPr lang="en-US"/>
        </a:p>
      </dgm:t>
    </dgm:pt>
    <dgm:pt modelId="{F49B4155-8616-4E0E-9021-0343872CBED4}">
      <dgm:prSet/>
      <dgm:spPr/>
      <dgm:t>
        <a:bodyPr/>
        <a:lstStyle/>
        <a:p>
          <a:r>
            <a:rPr lang="es-ES" dirty="0"/>
            <a:t>Cantidades limitadas de combustible se pueden descargar a través de los bastidores de descarga existentes.</a:t>
          </a:r>
        </a:p>
      </dgm:t>
    </dgm:pt>
    <dgm:pt modelId="{58FDCFE3-9A0F-4E70-B6F6-C5AFD9BBE2F9}" type="parTrans" cxnId="{2A427246-8CCC-4D26-BE28-0AE157976419}">
      <dgm:prSet/>
      <dgm:spPr/>
      <dgm:t>
        <a:bodyPr/>
        <a:lstStyle/>
        <a:p>
          <a:endParaRPr lang="en-US"/>
        </a:p>
      </dgm:t>
    </dgm:pt>
    <dgm:pt modelId="{C7A52675-D80D-4A72-B0BE-2D861645187F}" type="sibTrans" cxnId="{2A427246-8CCC-4D26-BE28-0AE157976419}">
      <dgm:prSet/>
      <dgm:spPr/>
      <dgm:t>
        <a:bodyPr/>
        <a:lstStyle/>
        <a:p>
          <a:endParaRPr lang="en-US"/>
        </a:p>
      </dgm:t>
    </dgm:pt>
    <dgm:pt modelId="{27E9253F-6C27-4A8B-9A45-FD81A02D397A}">
      <dgm:prSet/>
      <dgm:spPr/>
      <dgm:t>
        <a:bodyPr/>
        <a:lstStyle/>
        <a:p>
          <a:r>
            <a:rPr lang="es-ES" dirty="0"/>
            <a:t>Falta de marco legal para transportar 100% SAF.</a:t>
          </a:r>
          <a:endParaRPr lang="en-US" dirty="0"/>
        </a:p>
      </dgm:t>
    </dgm:pt>
    <dgm:pt modelId="{0FC3DAC9-06BC-455A-93E1-879C24AE3C3A}" type="parTrans" cxnId="{B98D28C1-9F14-48DC-8CA6-A4C029C64EE3}">
      <dgm:prSet/>
      <dgm:spPr/>
      <dgm:t>
        <a:bodyPr/>
        <a:lstStyle/>
        <a:p>
          <a:endParaRPr lang="en-US"/>
        </a:p>
      </dgm:t>
    </dgm:pt>
    <dgm:pt modelId="{02E16324-1157-4377-B9CE-CB99231F31B0}" type="sibTrans" cxnId="{B98D28C1-9F14-48DC-8CA6-A4C029C64EE3}">
      <dgm:prSet/>
      <dgm:spPr/>
      <dgm:t>
        <a:bodyPr/>
        <a:lstStyle/>
        <a:p>
          <a:endParaRPr lang="en-US"/>
        </a:p>
      </dgm:t>
    </dgm:pt>
    <dgm:pt modelId="{E2BD7CF6-BDEA-41B7-95DE-D599862C8C86}" type="pres">
      <dgm:prSet presAssocID="{3553F815-59DA-41EE-A64F-AAE480A457FC}" presName="Name0" presStyleCnt="0">
        <dgm:presLayoutVars>
          <dgm:dir/>
          <dgm:animLvl val="lvl"/>
          <dgm:resizeHandles val="exact"/>
        </dgm:presLayoutVars>
      </dgm:prSet>
      <dgm:spPr/>
    </dgm:pt>
    <dgm:pt modelId="{AC0438BF-D75E-4A99-9264-AAEED0234098}" type="pres">
      <dgm:prSet presAssocID="{3AA57EA9-6FE3-4AB4-B333-89DDDE90B335}" presName="composite" presStyleCnt="0"/>
      <dgm:spPr/>
    </dgm:pt>
    <dgm:pt modelId="{A4B4434D-0C33-49CB-A615-A350CC7036D6}" type="pres">
      <dgm:prSet presAssocID="{3AA57EA9-6FE3-4AB4-B333-89DDDE90B335}" presName="parTx" presStyleLbl="alignNode1" presStyleIdx="0" presStyleCnt="3">
        <dgm:presLayoutVars>
          <dgm:chMax val="0"/>
          <dgm:chPref val="0"/>
          <dgm:bulletEnabled val="1"/>
        </dgm:presLayoutVars>
      </dgm:prSet>
      <dgm:spPr/>
    </dgm:pt>
    <dgm:pt modelId="{5C70D450-594E-4651-AEDF-B6E82A123A2F}" type="pres">
      <dgm:prSet presAssocID="{3AA57EA9-6FE3-4AB4-B333-89DDDE90B335}" presName="desTx" presStyleLbl="alignAccFollowNode1" presStyleIdx="0" presStyleCnt="3">
        <dgm:presLayoutVars>
          <dgm:bulletEnabled val="1"/>
        </dgm:presLayoutVars>
      </dgm:prSet>
      <dgm:spPr/>
    </dgm:pt>
    <dgm:pt modelId="{4A139E47-47A2-4692-AFED-4489BFA0476B}" type="pres">
      <dgm:prSet presAssocID="{13AA1C04-0B6C-4BE9-B50F-CC0CE583682D}" presName="space" presStyleCnt="0"/>
      <dgm:spPr/>
    </dgm:pt>
    <dgm:pt modelId="{A2728D13-3363-4EB8-B314-9A8F7FBC3D38}" type="pres">
      <dgm:prSet presAssocID="{A20ABADA-5EEC-4E9F-AC60-C0B42ACE4432}" presName="composite" presStyleCnt="0"/>
      <dgm:spPr/>
    </dgm:pt>
    <dgm:pt modelId="{D4F11930-CB4F-4C41-9A15-F7502571343B}" type="pres">
      <dgm:prSet presAssocID="{A20ABADA-5EEC-4E9F-AC60-C0B42ACE4432}" presName="parTx" presStyleLbl="alignNode1" presStyleIdx="1" presStyleCnt="3">
        <dgm:presLayoutVars>
          <dgm:chMax val="0"/>
          <dgm:chPref val="0"/>
          <dgm:bulletEnabled val="1"/>
        </dgm:presLayoutVars>
      </dgm:prSet>
      <dgm:spPr/>
    </dgm:pt>
    <dgm:pt modelId="{5EB2B5AB-BE24-4BFB-BEAA-C43918EA4503}" type="pres">
      <dgm:prSet presAssocID="{A20ABADA-5EEC-4E9F-AC60-C0B42ACE4432}" presName="desTx" presStyleLbl="alignAccFollowNode1" presStyleIdx="1" presStyleCnt="3">
        <dgm:presLayoutVars>
          <dgm:bulletEnabled val="1"/>
        </dgm:presLayoutVars>
      </dgm:prSet>
      <dgm:spPr/>
    </dgm:pt>
    <dgm:pt modelId="{9A04DB91-1333-4B58-A189-8AAF7CE5624A}" type="pres">
      <dgm:prSet presAssocID="{15D0AD40-BC78-432F-82B7-D6D91EDB5D44}" presName="space" presStyleCnt="0"/>
      <dgm:spPr/>
    </dgm:pt>
    <dgm:pt modelId="{0CB8423D-8C91-4362-A8D6-71519DB4BF4E}" type="pres">
      <dgm:prSet presAssocID="{34AE2B4A-C2D6-4A8C-ADED-0C5EF7B799EF}" presName="composite" presStyleCnt="0"/>
      <dgm:spPr/>
    </dgm:pt>
    <dgm:pt modelId="{267B7E50-6C8B-4AFA-B03A-5618D0371C26}" type="pres">
      <dgm:prSet presAssocID="{34AE2B4A-C2D6-4A8C-ADED-0C5EF7B799EF}" presName="parTx" presStyleLbl="alignNode1" presStyleIdx="2" presStyleCnt="3">
        <dgm:presLayoutVars>
          <dgm:chMax val="0"/>
          <dgm:chPref val="0"/>
          <dgm:bulletEnabled val="1"/>
        </dgm:presLayoutVars>
      </dgm:prSet>
      <dgm:spPr/>
    </dgm:pt>
    <dgm:pt modelId="{5C6620D5-3880-4CEE-A6F9-EE51BDF35308}" type="pres">
      <dgm:prSet presAssocID="{34AE2B4A-C2D6-4A8C-ADED-0C5EF7B799EF}" presName="desTx" presStyleLbl="alignAccFollowNode1" presStyleIdx="2" presStyleCnt="3">
        <dgm:presLayoutVars>
          <dgm:bulletEnabled val="1"/>
        </dgm:presLayoutVars>
      </dgm:prSet>
      <dgm:spPr/>
    </dgm:pt>
  </dgm:ptLst>
  <dgm:cxnLst>
    <dgm:cxn modelId="{9E2D3806-E926-4044-ADF1-3860BCC84655}" srcId="{A20ABADA-5EEC-4E9F-AC60-C0B42ACE4432}" destId="{29379B80-CB6F-4F15-A42A-F032455D94FB}" srcOrd="0" destOrd="0" parTransId="{B1384AAC-22CA-45D2-B789-990DE67E98E5}" sibTransId="{D81B75E9-96C6-4BC8-960A-6A9FB1CF16F5}"/>
    <dgm:cxn modelId="{51180416-AF00-4A89-957C-57F7C618982F}" type="presOf" srcId="{A20ABADA-5EEC-4E9F-AC60-C0B42ACE4432}" destId="{D4F11930-CB4F-4C41-9A15-F7502571343B}" srcOrd="0" destOrd="0" presId="urn:microsoft.com/office/officeart/2005/8/layout/hList1"/>
    <dgm:cxn modelId="{C2C99B16-4E6D-4CA5-BC4F-0CAF7784D3EE}" srcId="{3AA57EA9-6FE3-4AB4-B333-89DDDE90B335}" destId="{D4A0EB55-6279-4E96-AEA6-C073C5FFC940}" srcOrd="1" destOrd="0" parTransId="{536A6FC8-3D4C-447E-8DF5-B1015E7DC677}" sibTransId="{9438136F-A6C8-448C-8F3F-A3F472E9EEB4}"/>
    <dgm:cxn modelId="{9FE2C720-BF61-446C-B9FE-0ABEDE2176B1}" srcId="{A20ABADA-5EEC-4E9F-AC60-C0B42ACE4432}" destId="{43AD74A1-ABB3-428F-845A-A304B6928E37}" srcOrd="3" destOrd="0" parTransId="{6CFE89DE-4E54-4E6C-B52D-289579C19ECF}" sibTransId="{04992AAB-A497-42D4-83A1-D15A9649FC59}"/>
    <dgm:cxn modelId="{26551721-57E0-4941-8AEE-E9D4D670C287}" type="presOf" srcId="{3804FC19-EAAC-4416-A8A5-4F45D4E21491}" destId="{5C6620D5-3880-4CEE-A6F9-EE51BDF35308}" srcOrd="0" destOrd="1" presId="urn:microsoft.com/office/officeart/2005/8/layout/hList1"/>
    <dgm:cxn modelId="{09459C21-A75A-49E4-8C99-167157BC02B2}" srcId="{3553F815-59DA-41EE-A64F-AAE480A457FC}" destId="{3AA57EA9-6FE3-4AB4-B333-89DDDE90B335}" srcOrd="0" destOrd="0" parTransId="{74D2102F-FD6A-46F8-BBC2-6B74E6C8543A}" sibTransId="{13AA1C04-0B6C-4BE9-B50F-CC0CE583682D}"/>
    <dgm:cxn modelId="{8B5A2924-C80D-468D-AD98-B0A9A8CBBF9E}" type="presOf" srcId="{29379B80-CB6F-4F15-A42A-F032455D94FB}" destId="{5EB2B5AB-BE24-4BFB-BEAA-C43918EA4503}" srcOrd="0" destOrd="0" presId="urn:microsoft.com/office/officeart/2005/8/layout/hList1"/>
    <dgm:cxn modelId="{29F79B28-1C00-420B-A3D3-C9FCD0275595}" srcId="{A20ABADA-5EEC-4E9F-AC60-C0B42ACE4432}" destId="{F40C973E-ADA4-4AF0-B60D-588CB41AA1EB}" srcOrd="1" destOrd="0" parTransId="{9620ADAB-9582-43B0-88F6-40014DF39E95}" sibTransId="{BB4486C4-764E-4D5C-826C-348282AC3E57}"/>
    <dgm:cxn modelId="{75D1A12B-7253-4F57-8778-ADD25330F4A9}" type="presOf" srcId="{59F77869-21F9-4AA5-A790-C2CB75E8244F}" destId="{5EB2B5AB-BE24-4BFB-BEAA-C43918EA4503}" srcOrd="0" destOrd="2" presId="urn:microsoft.com/office/officeart/2005/8/layout/hList1"/>
    <dgm:cxn modelId="{56A3C230-E3F2-44D9-9432-4B7B7A5192C3}" srcId="{34AE2B4A-C2D6-4A8C-ADED-0C5EF7B799EF}" destId="{D95F81D2-C7E1-4A71-81C4-10CA02A9B184}" srcOrd="0" destOrd="0" parTransId="{663D433D-35C2-4A92-BFD6-4E7383AF4AE1}" sibTransId="{A2406E7B-BEFA-4025-A7D9-19A0442F07D7}"/>
    <dgm:cxn modelId="{808F1D41-98BB-47B3-BC95-329F95AD375E}" type="presOf" srcId="{F49B4155-8616-4E0E-9021-0343872CBED4}" destId="{5C6620D5-3880-4CEE-A6F9-EE51BDF35308}" srcOrd="0" destOrd="3" presId="urn:microsoft.com/office/officeart/2005/8/layout/hList1"/>
    <dgm:cxn modelId="{AB207E42-1AC8-4DFB-AD2C-3C2E70F44D35}" type="presOf" srcId="{3AA57EA9-6FE3-4AB4-B333-89DDDE90B335}" destId="{A4B4434D-0C33-49CB-A615-A350CC7036D6}" srcOrd="0" destOrd="0" presId="urn:microsoft.com/office/officeart/2005/8/layout/hList1"/>
    <dgm:cxn modelId="{2A427246-8CCC-4D26-BE28-0AE157976419}" srcId="{34AE2B4A-C2D6-4A8C-ADED-0C5EF7B799EF}" destId="{F49B4155-8616-4E0E-9021-0343872CBED4}" srcOrd="3" destOrd="0" parTransId="{58FDCFE3-9A0F-4E70-B6F6-C5AFD9BBE2F9}" sibTransId="{C7A52675-D80D-4A72-B0BE-2D861645187F}"/>
    <dgm:cxn modelId="{D1466448-E0C3-40F6-90BA-B67F9E222C51}" type="presOf" srcId="{3553F815-59DA-41EE-A64F-AAE480A457FC}" destId="{E2BD7CF6-BDEA-41B7-95DE-D599862C8C86}" srcOrd="0" destOrd="0" presId="urn:microsoft.com/office/officeart/2005/8/layout/hList1"/>
    <dgm:cxn modelId="{996D1D6A-6F17-4994-A1FB-D60EA7827C12}" type="presOf" srcId="{D8225856-77D6-49E6-BE5B-F40A41849923}" destId="{5C70D450-594E-4651-AEDF-B6E82A123A2F}" srcOrd="0" destOrd="0" presId="urn:microsoft.com/office/officeart/2005/8/layout/hList1"/>
    <dgm:cxn modelId="{8AD8554A-2EC2-428F-B78D-AE60772647D1}" type="presOf" srcId="{2CB8B787-BAD6-48E4-928A-15CA2E9E3F1A}" destId="{5C70D450-594E-4651-AEDF-B6E82A123A2F}" srcOrd="0" destOrd="2" presId="urn:microsoft.com/office/officeart/2005/8/layout/hList1"/>
    <dgm:cxn modelId="{0B0A3871-973D-412A-964A-0DAB3E81C580}" srcId="{3AA57EA9-6FE3-4AB4-B333-89DDDE90B335}" destId="{2CB8B787-BAD6-48E4-928A-15CA2E9E3F1A}" srcOrd="2" destOrd="0" parTransId="{79E43E1D-6D58-4C8C-831A-0FA07824078A}" sibTransId="{EC009B00-735D-4B3A-B713-3359DD732566}"/>
    <dgm:cxn modelId="{BDC4407B-C215-4E07-9B90-8BAEA1E56E0C}" srcId="{34AE2B4A-C2D6-4A8C-ADED-0C5EF7B799EF}" destId="{A48D7CD7-D8D9-4BA7-825A-424DE28153E8}" srcOrd="2" destOrd="0" parTransId="{10A9E451-ED04-41E7-872E-A16A936F71F5}" sibTransId="{FB1449C8-25E7-4697-8B05-992742C75C77}"/>
    <dgm:cxn modelId="{B9BACB7D-3181-4CFA-BEB2-9BEBB53A555B}" srcId="{34AE2B4A-C2D6-4A8C-ADED-0C5EF7B799EF}" destId="{3804FC19-EAAC-4416-A8A5-4F45D4E21491}" srcOrd="1" destOrd="0" parTransId="{6FCD4E87-3555-4249-9443-33521803156A}" sibTransId="{DDC2CA03-F4A6-491C-A7AF-626D76F34115}"/>
    <dgm:cxn modelId="{AFDA9284-A5EB-4EE1-A95F-243A16F2FAC3}" type="presOf" srcId="{27E9253F-6C27-4A8B-9A45-FD81A02D397A}" destId="{5C6620D5-3880-4CEE-A6F9-EE51BDF35308}" srcOrd="0" destOrd="4" presId="urn:microsoft.com/office/officeart/2005/8/layout/hList1"/>
    <dgm:cxn modelId="{8AC78D86-707D-4201-AD9A-B964E0C49147}" type="presOf" srcId="{D95F81D2-C7E1-4A71-81C4-10CA02A9B184}" destId="{5C6620D5-3880-4CEE-A6F9-EE51BDF35308}" srcOrd="0" destOrd="0" presId="urn:microsoft.com/office/officeart/2005/8/layout/hList1"/>
    <dgm:cxn modelId="{85C67B88-8DBB-4615-BA74-60B89D4A6A8E}" srcId="{3553F815-59DA-41EE-A64F-AAE480A457FC}" destId="{34AE2B4A-C2D6-4A8C-ADED-0C5EF7B799EF}" srcOrd="2" destOrd="0" parTransId="{4B7651D8-73B0-4DDA-A5CA-077F39D0CAA7}" sibTransId="{07C99525-DE78-465F-9222-03722F9CB700}"/>
    <dgm:cxn modelId="{8E2711B2-4238-41C5-AA42-A645E5F8AA7D}" srcId="{3AA57EA9-6FE3-4AB4-B333-89DDDE90B335}" destId="{D8225856-77D6-49E6-BE5B-F40A41849923}" srcOrd="0" destOrd="0" parTransId="{4133075E-85E5-4C97-BE03-0E9ED79E5C2C}" sibTransId="{EF8D9AE5-B9B0-4E93-BED7-F5673F7FE0CB}"/>
    <dgm:cxn modelId="{039EA6BE-BA8F-4F7C-9F15-751999B8AD3E}" srcId="{3553F815-59DA-41EE-A64F-AAE480A457FC}" destId="{A20ABADA-5EEC-4E9F-AC60-C0B42ACE4432}" srcOrd="1" destOrd="0" parTransId="{D9477AD8-562C-4DF2-90A4-B410A94FF728}" sibTransId="{15D0AD40-BC78-432F-82B7-D6D91EDB5D44}"/>
    <dgm:cxn modelId="{B98D28C1-9F14-48DC-8CA6-A4C029C64EE3}" srcId="{34AE2B4A-C2D6-4A8C-ADED-0C5EF7B799EF}" destId="{27E9253F-6C27-4A8B-9A45-FD81A02D397A}" srcOrd="4" destOrd="0" parTransId="{0FC3DAC9-06BC-455A-93E1-879C24AE3C3A}" sibTransId="{02E16324-1157-4377-B9CE-CB99231F31B0}"/>
    <dgm:cxn modelId="{686C9BC3-DADF-4B63-BD31-436E1DE27D54}" type="presOf" srcId="{D4A0EB55-6279-4E96-AEA6-C073C5FFC940}" destId="{5C70D450-594E-4651-AEDF-B6E82A123A2F}" srcOrd="0" destOrd="1" presId="urn:microsoft.com/office/officeart/2005/8/layout/hList1"/>
    <dgm:cxn modelId="{6F880BD2-7D74-4DA1-A74D-BEE064A78A8A}" type="presOf" srcId="{34AE2B4A-C2D6-4A8C-ADED-0C5EF7B799EF}" destId="{267B7E50-6C8B-4AFA-B03A-5618D0371C26}" srcOrd="0" destOrd="0" presId="urn:microsoft.com/office/officeart/2005/8/layout/hList1"/>
    <dgm:cxn modelId="{CE0E2CDF-943D-47E3-9BF4-E0EE0FD3F756}" type="presOf" srcId="{43AD74A1-ABB3-428F-845A-A304B6928E37}" destId="{5EB2B5AB-BE24-4BFB-BEAA-C43918EA4503}" srcOrd="0" destOrd="3" presId="urn:microsoft.com/office/officeart/2005/8/layout/hList1"/>
    <dgm:cxn modelId="{29EC82DF-54CE-4232-9D86-DC6DAAEB66D7}" srcId="{A20ABADA-5EEC-4E9F-AC60-C0B42ACE4432}" destId="{59F77869-21F9-4AA5-A790-C2CB75E8244F}" srcOrd="2" destOrd="0" parTransId="{35589C95-21A2-4A26-8CAC-751597DA2006}" sibTransId="{F56A2FE0-2BBA-4212-96AC-4B39F314BB1A}"/>
    <dgm:cxn modelId="{4A6C0DE0-F95E-4BD3-AF26-EF6493BBB595}" type="presOf" srcId="{F40C973E-ADA4-4AF0-B60D-588CB41AA1EB}" destId="{5EB2B5AB-BE24-4BFB-BEAA-C43918EA4503}" srcOrd="0" destOrd="1" presId="urn:microsoft.com/office/officeart/2005/8/layout/hList1"/>
    <dgm:cxn modelId="{8981A4E2-8F74-4DA8-9449-5E07A8F9AFB9}" type="presOf" srcId="{A48D7CD7-D8D9-4BA7-825A-424DE28153E8}" destId="{5C6620D5-3880-4CEE-A6F9-EE51BDF35308}" srcOrd="0" destOrd="2" presId="urn:microsoft.com/office/officeart/2005/8/layout/hList1"/>
    <dgm:cxn modelId="{BBA33C67-A786-49AB-832D-3A301647168B}" type="presParOf" srcId="{E2BD7CF6-BDEA-41B7-95DE-D599862C8C86}" destId="{AC0438BF-D75E-4A99-9264-AAEED0234098}" srcOrd="0" destOrd="0" presId="urn:microsoft.com/office/officeart/2005/8/layout/hList1"/>
    <dgm:cxn modelId="{97EC1A17-0B2D-43C5-BD1E-A5E6A4B7FF90}" type="presParOf" srcId="{AC0438BF-D75E-4A99-9264-AAEED0234098}" destId="{A4B4434D-0C33-49CB-A615-A350CC7036D6}" srcOrd="0" destOrd="0" presId="urn:microsoft.com/office/officeart/2005/8/layout/hList1"/>
    <dgm:cxn modelId="{D4856723-9B02-4AEE-81D5-64E58BB08822}" type="presParOf" srcId="{AC0438BF-D75E-4A99-9264-AAEED0234098}" destId="{5C70D450-594E-4651-AEDF-B6E82A123A2F}" srcOrd="1" destOrd="0" presId="urn:microsoft.com/office/officeart/2005/8/layout/hList1"/>
    <dgm:cxn modelId="{73D1841E-2BA6-4E08-9A55-CE868223E990}" type="presParOf" srcId="{E2BD7CF6-BDEA-41B7-95DE-D599862C8C86}" destId="{4A139E47-47A2-4692-AFED-4489BFA0476B}" srcOrd="1" destOrd="0" presId="urn:microsoft.com/office/officeart/2005/8/layout/hList1"/>
    <dgm:cxn modelId="{C54DC6B3-DECC-4953-836C-D7FB3467ED44}" type="presParOf" srcId="{E2BD7CF6-BDEA-41B7-95DE-D599862C8C86}" destId="{A2728D13-3363-4EB8-B314-9A8F7FBC3D38}" srcOrd="2" destOrd="0" presId="urn:microsoft.com/office/officeart/2005/8/layout/hList1"/>
    <dgm:cxn modelId="{CEAEB2FD-2B85-4495-92CD-D6E264A0D174}" type="presParOf" srcId="{A2728D13-3363-4EB8-B314-9A8F7FBC3D38}" destId="{D4F11930-CB4F-4C41-9A15-F7502571343B}" srcOrd="0" destOrd="0" presId="urn:microsoft.com/office/officeart/2005/8/layout/hList1"/>
    <dgm:cxn modelId="{2326CB3E-C6DF-4990-AFC6-F46E7BB4570D}" type="presParOf" srcId="{A2728D13-3363-4EB8-B314-9A8F7FBC3D38}" destId="{5EB2B5AB-BE24-4BFB-BEAA-C43918EA4503}" srcOrd="1" destOrd="0" presId="urn:microsoft.com/office/officeart/2005/8/layout/hList1"/>
    <dgm:cxn modelId="{BE50F348-5CD0-4C4A-A834-5AA22B2A191E}" type="presParOf" srcId="{E2BD7CF6-BDEA-41B7-95DE-D599862C8C86}" destId="{9A04DB91-1333-4B58-A189-8AAF7CE5624A}" srcOrd="3" destOrd="0" presId="urn:microsoft.com/office/officeart/2005/8/layout/hList1"/>
    <dgm:cxn modelId="{F4EFA79E-4833-4DC0-A2A9-AACDB63F4F4E}" type="presParOf" srcId="{E2BD7CF6-BDEA-41B7-95DE-D599862C8C86}" destId="{0CB8423D-8C91-4362-A8D6-71519DB4BF4E}" srcOrd="4" destOrd="0" presId="urn:microsoft.com/office/officeart/2005/8/layout/hList1"/>
    <dgm:cxn modelId="{36BF52BC-37AA-40E2-A8D0-3EE9A8C05F6D}" type="presParOf" srcId="{0CB8423D-8C91-4362-A8D6-71519DB4BF4E}" destId="{267B7E50-6C8B-4AFA-B03A-5618D0371C26}" srcOrd="0" destOrd="0" presId="urn:microsoft.com/office/officeart/2005/8/layout/hList1"/>
    <dgm:cxn modelId="{E5A84184-078E-465A-A6D6-477E1C53FD2F}" type="presParOf" srcId="{0CB8423D-8C91-4362-A8D6-71519DB4BF4E}" destId="{5C6620D5-3880-4CEE-A6F9-EE51BDF35308}" srcOrd="1" destOrd="0" presId="urn:microsoft.com/office/officeart/2005/8/layout/hList1"/>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A4B4434D-0C33-49CB-A615-A350CC7036D6}">
      <dsp:nvSpPr>
        <dsp:cNvPr id="0" name=""/>
        <dsp:cNvSpPr/>
      </dsp:nvSpPr>
      <dsp:spPr>
        <a:xfrm>
          <a:off x="3212" y="99575"/>
          <a:ext cx="3132671" cy="633600"/>
        </a:xfrm>
        <a:prstGeom prst="rect">
          <a:avLst/>
        </a:prstGeom>
        <a:solidFill>
          <a:schemeClr val="accent4">
            <a:hueOff val="0"/>
            <a:satOff val="0"/>
            <a:lumOff val="0"/>
            <a:alphaOff val="0"/>
          </a:schemeClr>
        </a:solidFill>
        <a:ln w="12700" cap="flat" cmpd="sng" algn="ctr">
          <a:solidFill>
            <a:schemeClr val="accent4">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56464" tIns="89408" rIns="156464" bIns="89408" numCol="1" spcCol="1270" anchor="ctr" anchorCtr="0">
          <a:noAutofit/>
        </a:bodyPr>
        <a:lstStyle/>
        <a:p>
          <a:pPr marL="0" lvl="0" indent="0" algn="ctr" defTabSz="977900">
            <a:lnSpc>
              <a:spcPct val="90000"/>
            </a:lnSpc>
            <a:spcBef>
              <a:spcPct val="0"/>
            </a:spcBef>
            <a:spcAft>
              <a:spcPct val="35000"/>
            </a:spcAft>
            <a:buNone/>
          </a:pPr>
          <a:r>
            <a:rPr lang="es-CO" sz="2200" kern="1200" noProof="0" dirty="0"/>
            <a:t>Ventajas</a:t>
          </a:r>
        </a:p>
      </dsp:txBody>
      <dsp:txXfrm>
        <a:off x="3212" y="99575"/>
        <a:ext cx="3132671" cy="633600"/>
      </dsp:txXfrm>
    </dsp:sp>
    <dsp:sp modelId="{5C70D450-594E-4651-AEDF-B6E82A123A2F}">
      <dsp:nvSpPr>
        <dsp:cNvPr id="0" name=""/>
        <dsp:cNvSpPr/>
      </dsp:nvSpPr>
      <dsp:spPr>
        <a:xfrm>
          <a:off x="3212" y="733175"/>
          <a:ext cx="3132671" cy="3985739"/>
        </a:xfrm>
        <a:prstGeom prst="rect">
          <a:avLst/>
        </a:prstGeom>
        <a:solidFill>
          <a:schemeClr val="accent4">
            <a:tint val="40000"/>
            <a:alpha val="90000"/>
            <a:hueOff val="0"/>
            <a:satOff val="0"/>
            <a:lumOff val="0"/>
            <a:alphaOff val="0"/>
          </a:schemeClr>
        </a:solidFill>
        <a:ln w="12700" cap="flat" cmpd="sng" algn="ctr">
          <a:solidFill>
            <a:schemeClr val="accent4">
              <a:tint val="40000"/>
              <a:alpha val="9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17348" tIns="117348" rIns="156464" bIns="176022" numCol="1" spcCol="1270" anchor="t" anchorCtr="0">
          <a:noAutofit/>
        </a:bodyPr>
        <a:lstStyle/>
        <a:p>
          <a:pPr marL="228600" lvl="1" indent="-228600" algn="l" defTabSz="977900">
            <a:lnSpc>
              <a:spcPct val="90000"/>
            </a:lnSpc>
            <a:spcBef>
              <a:spcPct val="0"/>
            </a:spcBef>
            <a:spcAft>
              <a:spcPct val="15000"/>
            </a:spcAft>
            <a:buChar char="•"/>
          </a:pPr>
          <a:r>
            <a:rPr lang="es-CO" sz="2200" kern="1200" noProof="0" dirty="0"/>
            <a:t>Experticia en manejar distintos hidrocarburos, incluyendo biocombustibles.</a:t>
          </a:r>
        </a:p>
        <a:p>
          <a:pPr marL="228600" lvl="1" indent="-228600" algn="l" defTabSz="977900">
            <a:lnSpc>
              <a:spcPct val="90000"/>
            </a:lnSpc>
            <a:spcBef>
              <a:spcPct val="0"/>
            </a:spcBef>
            <a:spcAft>
              <a:spcPct val="15000"/>
            </a:spcAft>
            <a:buChar char="•"/>
          </a:pPr>
          <a:r>
            <a:rPr lang="es-CO" sz="2200" kern="1200" noProof="0" dirty="0"/>
            <a:t>Experticia en manejar Jet Fuel</a:t>
          </a:r>
        </a:p>
        <a:p>
          <a:pPr marL="228600" lvl="1" indent="-228600" algn="l" defTabSz="977900">
            <a:lnSpc>
              <a:spcPct val="90000"/>
            </a:lnSpc>
            <a:spcBef>
              <a:spcPct val="0"/>
            </a:spcBef>
            <a:spcAft>
              <a:spcPct val="15000"/>
            </a:spcAft>
            <a:buChar char="•"/>
          </a:pPr>
          <a:r>
            <a:rPr lang="es-CO" sz="2200" kern="1200" noProof="0" dirty="0"/>
            <a:t>Infraestructura de transporte flexible (poliductos, puertos, carreteras).</a:t>
          </a:r>
        </a:p>
      </dsp:txBody>
      <dsp:txXfrm>
        <a:off x="3212" y="733175"/>
        <a:ext cx="3132671" cy="3985739"/>
      </dsp:txXfrm>
    </dsp:sp>
    <dsp:sp modelId="{D4F11930-CB4F-4C41-9A15-F7502571343B}">
      <dsp:nvSpPr>
        <dsp:cNvPr id="0" name=""/>
        <dsp:cNvSpPr/>
      </dsp:nvSpPr>
      <dsp:spPr>
        <a:xfrm>
          <a:off x="3574459" y="99575"/>
          <a:ext cx="3132671" cy="633600"/>
        </a:xfrm>
        <a:prstGeom prst="rect">
          <a:avLst/>
        </a:prstGeom>
        <a:solidFill>
          <a:schemeClr val="accent3"/>
        </a:solidFill>
        <a:ln w="12700" cap="flat" cmpd="sng" algn="ctr">
          <a:noFill/>
          <a:prstDash val="solid"/>
          <a:miter lim="800000"/>
        </a:ln>
        <a:effectLst/>
      </dsp:spPr>
      <dsp:style>
        <a:lnRef idx="2">
          <a:schemeClr val="accent3">
            <a:shade val="15000"/>
          </a:schemeClr>
        </a:lnRef>
        <a:fillRef idx="1">
          <a:schemeClr val="accent3"/>
        </a:fillRef>
        <a:effectRef idx="0">
          <a:schemeClr val="accent3"/>
        </a:effectRef>
        <a:fontRef idx="minor">
          <a:schemeClr val="lt1"/>
        </a:fontRef>
      </dsp:style>
      <dsp:txBody>
        <a:bodyPr spcFirstLastPara="0" vert="horz" wrap="square" lIns="156464" tIns="89408" rIns="156464" bIns="89408" numCol="1" spcCol="1270" anchor="ctr" anchorCtr="0">
          <a:noAutofit/>
        </a:bodyPr>
        <a:lstStyle/>
        <a:p>
          <a:pPr marL="0" lvl="0" indent="0" algn="ctr" defTabSz="977900">
            <a:lnSpc>
              <a:spcPct val="90000"/>
            </a:lnSpc>
            <a:spcBef>
              <a:spcPct val="0"/>
            </a:spcBef>
            <a:spcAft>
              <a:spcPct val="35000"/>
            </a:spcAft>
            <a:buNone/>
          </a:pPr>
          <a:r>
            <a:rPr lang="es-CO" sz="2200" kern="1200" noProof="0" dirty="0"/>
            <a:t>Desventajas</a:t>
          </a:r>
        </a:p>
      </dsp:txBody>
      <dsp:txXfrm>
        <a:off x="3574459" y="99575"/>
        <a:ext cx="3132671" cy="633600"/>
      </dsp:txXfrm>
    </dsp:sp>
    <dsp:sp modelId="{5EB2B5AB-BE24-4BFB-BEAA-C43918EA4503}">
      <dsp:nvSpPr>
        <dsp:cNvPr id="0" name=""/>
        <dsp:cNvSpPr/>
      </dsp:nvSpPr>
      <dsp:spPr>
        <a:xfrm>
          <a:off x="3574459" y="733175"/>
          <a:ext cx="3132671" cy="3985739"/>
        </a:xfrm>
        <a:prstGeom prst="rect">
          <a:avLst/>
        </a:prstGeom>
        <a:solidFill>
          <a:schemeClr val="accent3">
            <a:lumMod val="20000"/>
            <a:lumOff val="80000"/>
          </a:schemeClr>
        </a:solidFill>
        <a:ln w="12700" cap="flat" cmpd="sng" algn="ctr">
          <a:noFill/>
          <a:prstDash val="solid"/>
          <a:miter lim="800000"/>
        </a:ln>
        <a:effectLst/>
      </dsp:spPr>
      <dsp:style>
        <a:lnRef idx="2">
          <a:schemeClr val="accent3">
            <a:shade val="15000"/>
          </a:schemeClr>
        </a:lnRef>
        <a:fillRef idx="1">
          <a:schemeClr val="accent3"/>
        </a:fillRef>
        <a:effectRef idx="0">
          <a:schemeClr val="accent3"/>
        </a:effectRef>
        <a:fontRef idx="minor">
          <a:schemeClr val="lt1"/>
        </a:fontRef>
      </dsp:style>
      <dsp:txBody>
        <a:bodyPr spcFirstLastPara="0" vert="horz" wrap="square" lIns="117348" tIns="117348" rIns="156464" bIns="176022" numCol="1" spcCol="1270" anchor="t" anchorCtr="0">
          <a:noAutofit/>
        </a:bodyPr>
        <a:lstStyle/>
        <a:p>
          <a:pPr marL="228600" lvl="1" indent="-228600" algn="l" defTabSz="977900">
            <a:lnSpc>
              <a:spcPct val="90000"/>
            </a:lnSpc>
            <a:spcBef>
              <a:spcPct val="0"/>
            </a:spcBef>
            <a:spcAft>
              <a:spcPct val="15000"/>
            </a:spcAft>
            <a:buChar char="•"/>
          </a:pPr>
          <a:r>
            <a:rPr lang="es-CO" sz="2200" kern="1200" noProof="0" dirty="0"/>
            <a:t>Solo viable para grandes cantidades.</a:t>
          </a:r>
        </a:p>
      </dsp:txBody>
      <dsp:txXfrm>
        <a:off x="3574459" y="733175"/>
        <a:ext cx="3132671" cy="3985739"/>
      </dsp:txXfrm>
    </dsp:sp>
    <dsp:sp modelId="{267B7E50-6C8B-4AFA-B03A-5618D0371C26}">
      <dsp:nvSpPr>
        <dsp:cNvPr id="0" name=""/>
        <dsp:cNvSpPr/>
      </dsp:nvSpPr>
      <dsp:spPr>
        <a:xfrm>
          <a:off x="7145705" y="99575"/>
          <a:ext cx="3132671" cy="633600"/>
        </a:xfrm>
        <a:prstGeom prst="rect">
          <a:avLst/>
        </a:prstGeom>
        <a:solidFill>
          <a:schemeClr val="accent2"/>
        </a:solid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56464" tIns="89408" rIns="156464" bIns="89408" numCol="1" spcCol="1270" anchor="ctr" anchorCtr="0">
          <a:noAutofit/>
        </a:bodyPr>
        <a:lstStyle/>
        <a:p>
          <a:pPr marL="0" lvl="0" indent="0" algn="ctr" defTabSz="977900">
            <a:lnSpc>
              <a:spcPct val="90000"/>
            </a:lnSpc>
            <a:spcBef>
              <a:spcPct val="0"/>
            </a:spcBef>
            <a:spcAft>
              <a:spcPct val="35000"/>
            </a:spcAft>
            <a:buNone/>
          </a:pPr>
          <a:r>
            <a:rPr lang="es-CO" sz="2200" kern="1200" noProof="0" dirty="0"/>
            <a:t>Limitaciones</a:t>
          </a:r>
        </a:p>
      </dsp:txBody>
      <dsp:txXfrm>
        <a:off x="7145705" y="99575"/>
        <a:ext cx="3132671" cy="633600"/>
      </dsp:txXfrm>
    </dsp:sp>
    <dsp:sp modelId="{5C6620D5-3880-4CEE-A6F9-EE51BDF35308}">
      <dsp:nvSpPr>
        <dsp:cNvPr id="0" name=""/>
        <dsp:cNvSpPr/>
      </dsp:nvSpPr>
      <dsp:spPr>
        <a:xfrm>
          <a:off x="7145705" y="733175"/>
          <a:ext cx="3132671" cy="3985739"/>
        </a:xfrm>
        <a:prstGeom prst="rect">
          <a:avLst/>
        </a:prstGeom>
        <a:solidFill>
          <a:schemeClr val="accent2">
            <a:lumMod val="20000"/>
            <a:lumOff val="80000"/>
            <a:alpha val="90000"/>
          </a:schemeClr>
        </a:solidFill>
        <a:ln w="12700" cap="flat" cmpd="sng" algn="ctr">
          <a:no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17348" tIns="117348" rIns="156464" bIns="176022" numCol="1" spcCol="1270" anchor="t" anchorCtr="0">
          <a:noAutofit/>
        </a:bodyPr>
        <a:lstStyle/>
        <a:p>
          <a:pPr marL="228600" lvl="1" indent="-228600" algn="l" defTabSz="977900">
            <a:lnSpc>
              <a:spcPct val="90000"/>
            </a:lnSpc>
            <a:spcBef>
              <a:spcPct val="0"/>
            </a:spcBef>
            <a:spcAft>
              <a:spcPct val="15000"/>
            </a:spcAft>
            <a:buChar char="•"/>
          </a:pPr>
          <a:r>
            <a:rPr lang="es-CO" sz="2200" kern="1200" noProof="0" dirty="0"/>
            <a:t>Optimizado para grandes cantidades</a:t>
          </a:r>
        </a:p>
        <a:p>
          <a:pPr marL="228600" lvl="1" indent="-228600" algn="l" defTabSz="977900">
            <a:lnSpc>
              <a:spcPct val="90000"/>
            </a:lnSpc>
            <a:spcBef>
              <a:spcPct val="0"/>
            </a:spcBef>
            <a:spcAft>
              <a:spcPct val="15000"/>
            </a:spcAft>
            <a:buChar char="•"/>
          </a:pPr>
          <a:r>
            <a:rPr lang="es-CO" sz="2200" kern="1200" noProof="0" dirty="0"/>
            <a:t>Pueden estar lejanos de la producción de SAF.</a:t>
          </a:r>
        </a:p>
        <a:p>
          <a:pPr marL="228600" lvl="1" indent="-228600" algn="l" defTabSz="977900">
            <a:lnSpc>
              <a:spcPct val="90000"/>
            </a:lnSpc>
            <a:spcBef>
              <a:spcPct val="0"/>
            </a:spcBef>
            <a:spcAft>
              <a:spcPct val="15000"/>
            </a:spcAft>
            <a:buChar char="•"/>
          </a:pPr>
          <a:r>
            <a:rPr lang="es-CO" sz="2200" kern="1200" noProof="0" dirty="0"/>
            <a:t>Grandes cantidades de SAF podrían tener que ser transportadas, requiriendo más infraestructura.</a:t>
          </a:r>
        </a:p>
      </dsp:txBody>
      <dsp:txXfrm>
        <a:off x="7145705" y="733175"/>
        <a:ext cx="3132671" cy="3985739"/>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A4B4434D-0C33-49CB-A615-A350CC7036D6}">
      <dsp:nvSpPr>
        <dsp:cNvPr id="0" name=""/>
        <dsp:cNvSpPr/>
      </dsp:nvSpPr>
      <dsp:spPr>
        <a:xfrm>
          <a:off x="3212" y="106260"/>
          <a:ext cx="3132671" cy="432000"/>
        </a:xfrm>
        <a:prstGeom prst="rect">
          <a:avLst/>
        </a:prstGeom>
        <a:solidFill>
          <a:schemeClr val="accent4">
            <a:hueOff val="0"/>
            <a:satOff val="0"/>
            <a:lumOff val="0"/>
            <a:alphaOff val="0"/>
          </a:schemeClr>
        </a:solidFill>
        <a:ln w="12700" cap="flat" cmpd="sng" algn="ctr">
          <a:solidFill>
            <a:schemeClr val="accent4">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6680" tIns="60960" rIns="106680" bIns="60960" numCol="1" spcCol="1270" anchor="ctr" anchorCtr="0">
          <a:noAutofit/>
        </a:bodyPr>
        <a:lstStyle/>
        <a:p>
          <a:pPr marL="0" lvl="0" indent="0" algn="ctr" defTabSz="666750">
            <a:lnSpc>
              <a:spcPct val="90000"/>
            </a:lnSpc>
            <a:spcBef>
              <a:spcPct val="0"/>
            </a:spcBef>
            <a:spcAft>
              <a:spcPct val="35000"/>
            </a:spcAft>
            <a:buNone/>
          </a:pPr>
          <a:r>
            <a:rPr lang="es-CO" sz="1500" kern="1200" noProof="0" dirty="0"/>
            <a:t>Ventajas</a:t>
          </a:r>
        </a:p>
      </dsp:txBody>
      <dsp:txXfrm>
        <a:off x="3212" y="106260"/>
        <a:ext cx="3132671" cy="432000"/>
      </dsp:txXfrm>
    </dsp:sp>
    <dsp:sp modelId="{5C70D450-594E-4651-AEDF-B6E82A123A2F}">
      <dsp:nvSpPr>
        <dsp:cNvPr id="0" name=""/>
        <dsp:cNvSpPr/>
      </dsp:nvSpPr>
      <dsp:spPr>
        <a:xfrm>
          <a:off x="3212" y="538260"/>
          <a:ext cx="3132671" cy="4199850"/>
        </a:xfrm>
        <a:prstGeom prst="rect">
          <a:avLst/>
        </a:prstGeom>
        <a:solidFill>
          <a:schemeClr val="accent4">
            <a:tint val="40000"/>
            <a:alpha val="90000"/>
            <a:hueOff val="0"/>
            <a:satOff val="0"/>
            <a:lumOff val="0"/>
            <a:alphaOff val="0"/>
          </a:schemeClr>
        </a:solidFill>
        <a:ln w="12700" cap="flat" cmpd="sng" algn="ctr">
          <a:solidFill>
            <a:schemeClr val="accent4">
              <a:tint val="40000"/>
              <a:alpha val="9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80010" tIns="80010" rIns="106680" bIns="120015" numCol="1" spcCol="1270" anchor="t" anchorCtr="0">
          <a:noAutofit/>
        </a:bodyPr>
        <a:lstStyle/>
        <a:p>
          <a:pPr marL="114300" lvl="1" indent="-114300" algn="l" defTabSz="666750">
            <a:lnSpc>
              <a:spcPct val="90000"/>
            </a:lnSpc>
            <a:spcBef>
              <a:spcPct val="0"/>
            </a:spcBef>
            <a:spcAft>
              <a:spcPct val="15000"/>
            </a:spcAft>
            <a:buChar char="•"/>
          </a:pPr>
          <a:r>
            <a:rPr lang="es-CO" sz="1500" kern="1200" noProof="0" dirty="0"/>
            <a:t>Puede manejar más volumen que los aeropuertos.</a:t>
          </a:r>
        </a:p>
        <a:p>
          <a:pPr marL="114300" lvl="1" indent="-114300" algn="l" defTabSz="666750">
            <a:lnSpc>
              <a:spcPct val="90000"/>
            </a:lnSpc>
            <a:spcBef>
              <a:spcPct val="0"/>
            </a:spcBef>
            <a:spcAft>
              <a:spcPct val="15000"/>
            </a:spcAft>
            <a:buChar char="•"/>
          </a:pPr>
          <a:r>
            <a:rPr lang="es-CO" sz="1500" kern="1200" noProof="0" dirty="0"/>
            <a:t>Experiencia en manejar biocombustibles.</a:t>
          </a:r>
        </a:p>
        <a:p>
          <a:pPr marL="114300" lvl="1" indent="-114300" algn="l" defTabSz="666750">
            <a:lnSpc>
              <a:spcPct val="90000"/>
            </a:lnSpc>
            <a:spcBef>
              <a:spcPct val="0"/>
            </a:spcBef>
            <a:spcAft>
              <a:spcPct val="15000"/>
            </a:spcAft>
            <a:buChar char="•"/>
          </a:pPr>
          <a:r>
            <a:rPr lang="es-CO" sz="1500" kern="1200" noProof="0" dirty="0"/>
            <a:t>Infraestructura para cargar y descargar combustible. </a:t>
          </a:r>
        </a:p>
        <a:p>
          <a:pPr marL="114300" lvl="1" indent="-114300" algn="l" defTabSz="666750">
            <a:lnSpc>
              <a:spcPct val="90000"/>
            </a:lnSpc>
            <a:spcBef>
              <a:spcPct val="0"/>
            </a:spcBef>
            <a:spcAft>
              <a:spcPct val="15000"/>
            </a:spcAft>
            <a:buChar char="•"/>
          </a:pPr>
          <a:r>
            <a:rPr lang="es-CO" sz="1500" kern="1200" noProof="0" dirty="0"/>
            <a:t>Podría mantener la infraestructura de los aeropuertos intacta.</a:t>
          </a:r>
        </a:p>
        <a:p>
          <a:pPr marL="114300" lvl="1" indent="-114300" algn="l" defTabSz="666750">
            <a:lnSpc>
              <a:spcPct val="90000"/>
            </a:lnSpc>
            <a:spcBef>
              <a:spcPct val="0"/>
            </a:spcBef>
            <a:spcAft>
              <a:spcPct val="15000"/>
            </a:spcAft>
            <a:buChar char="•"/>
          </a:pPr>
          <a:r>
            <a:rPr lang="es-CO" sz="1500" kern="1200" noProof="0" dirty="0"/>
            <a:t>Operación industrial hace el sitio más viable que el Aeropuerto.</a:t>
          </a:r>
        </a:p>
        <a:p>
          <a:pPr marL="114300" lvl="1" indent="-114300" algn="l" defTabSz="666750">
            <a:lnSpc>
              <a:spcPct val="90000"/>
            </a:lnSpc>
            <a:spcBef>
              <a:spcPct val="0"/>
            </a:spcBef>
            <a:spcAft>
              <a:spcPct val="15000"/>
            </a:spcAft>
            <a:buChar char="•"/>
          </a:pPr>
          <a:r>
            <a:rPr lang="es-CO" sz="1500" kern="1200" noProof="0" dirty="0"/>
            <a:t>Muchos aeropuertos pueden ser suplidos por el mismo terminal.</a:t>
          </a:r>
        </a:p>
        <a:p>
          <a:pPr marL="114300" lvl="1" indent="-114300" algn="l" defTabSz="666750">
            <a:lnSpc>
              <a:spcPct val="90000"/>
            </a:lnSpc>
            <a:spcBef>
              <a:spcPct val="0"/>
            </a:spcBef>
            <a:spcAft>
              <a:spcPct val="15000"/>
            </a:spcAft>
            <a:buChar char="•"/>
          </a:pPr>
          <a:r>
            <a:rPr lang="es-CO" sz="1500" kern="1200" noProof="0" dirty="0"/>
            <a:t>Algunos terminales pueden tener experiencia con mezclas de combustible.</a:t>
          </a:r>
        </a:p>
      </dsp:txBody>
      <dsp:txXfrm>
        <a:off x="3212" y="538260"/>
        <a:ext cx="3132671" cy="4199850"/>
      </dsp:txXfrm>
    </dsp:sp>
    <dsp:sp modelId="{D4F11930-CB4F-4C41-9A15-F7502571343B}">
      <dsp:nvSpPr>
        <dsp:cNvPr id="0" name=""/>
        <dsp:cNvSpPr/>
      </dsp:nvSpPr>
      <dsp:spPr>
        <a:xfrm>
          <a:off x="3574459" y="106260"/>
          <a:ext cx="3132671" cy="432000"/>
        </a:xfrm>
        <a:prstGeom prst="rect">
          <a:avLst/>
        </a:prstGeom>
        <a:solidFill>
          <a:schemeClr val="accent3"/>
        </a:solidFill>
        <a:ln w="12700" cap="flat" cmpd="sng" algn="ctr">
          <a:noFill/>
          <a:prstDash val="solid"/>
          <a:miter lim="800000"/>
        </a:ln>
        <a:effectLst/>
      </dsp:spPr>
      <dsp:style>
        <a:lnRef idx="2">
          <a:schemeClr val="accent3">
            <a:shade val="15000"/>
          </a:schemeClr>
        </a:lnRef>
        <a:fillRef idx="1">
          <a:schemeClr val="accent3"/>
        </a:fillRef>
        <a:effectRef idx="0">
          <a:schemeClr val="accent3"/>
        </a:effectRef>
        <a:fontRef idx="minor">
          <a:schemeClr val="lt1"/>
        </a:fontRef>
      </dsp:style>
      <dsp:txBody>
        <a:bodyPr spcFirstLastPara="0" vert="horz" wrap="square" lIns="106680" tIns="60960" rIns="106680" bIns="60960" numCol="1" spcCol="1270" anchor="ctr" anchorCtr="0">
          <a:noAutofit/>
        </a:bodyPr>
        <a:lstStyle/>
        <a:p>
          <a:pPr marL="0" lvl="0" indent="0" algn="ctr" defTabSz="666750">
            <a:lnSpc>
              <a:spcPct val="90000"/>
            </a:lnSpc>
            <a:spcBef>
              <a:spcPct val="0"/>
            </a:spcBef>
            <a:spcAft>
              <a:spcPct val="35000"/>
            </a:spcAft>
            <a:buNone/>
          </a:pPr>
          <a:r>
            <a:rPr lang="es-CO" sz="1500" kern="1200" noProof="0" dirty="0"/>
            <a:t>Desventajas</a:t>
          </a:r>
        </a:p>
      </dsp:txBody>
      <dsp:txXfrm>
        <a:off x="3574459" y="106260"/>
        <a:ext cx="3132671" cy="432000"/>
      </dsp:txXfrm>
    </dsp:sp>
    <dsp:sp modelId="{5EB2B5AB-BE24-4BFB-BEAA-C43918EA4503}">
      <dsp:nvSpPr>
        <dsp:cNvPr id="0" name=""/>
        <dsp:cNvSpPr/>
      </dsp:nvSpPr>
      <dsp:spPr>
        <a:xfrm>
          <a:off x="3574459" y="538260"/>
          <a:ext cx="3132671" cy="4199850"/>
        </a:xfrm>
        <a:prstGeom prst="rect">
          <a:avLst/>
        </a:prstGeom>
        <a:solidFill>
          <a:schemeClr val="accent3">
            <a:lumMod val="20000"/>
            <a:lumOff val="80000"/>
          </a:schemeClr>
        </a:solidFill>
        <a:ln w="12700" cap="flat" cmpd="sng" algn="ctr">
          <a:noFill/>
          <a:prstDash val="solid"/>
          <a:miter lim="800000"/>
        </a:ln>
        <a:effectLst/>
      </dsp:spPr>
      <dsp:style>
        <a:lnRef idx="2">
          <a:schemeClr val="accent3">
            <a:shade val="15000"/>
          </a:schemeClr>
        </a:lnRef>
        <a:fillRef idx="1">
          <a:schemeClr val="accent3"/>
        </a:fillRef>
        <a:effectRef idx="0">
          <a:schemeClr val="accent3"/>
        </a:effectRef>
        <a:fontRef idx="minor">
          <a:schemeClr val="lt1"/>
        </a:fontRef>
      </dsp:style>
      <dsp:txBody>
        <a:bodyPr spcFirstLastPara="0" vert="horz" wrap="square" lIns="80010" tIns="80010" rIns="106680" bIns="120015" numCol="1" spcCol="1270" anchor="t" anchorCtr="0">
          <a:noAutofit/>
        </a:bodyPr>
        <a:lstStyle/>
        <a:p>
          <a:pPr marL="114300" lvl="1" indent="-114300" algn="l" defTabSz="666750">
            <a:lnSpc>
              <a:spcPct val="90000"/>
            </a:lnSpc>
            <a:spcBef>
              <a:spcPct val="0"/>
            </a:spcBef>
            <a:spcAft>
              <a:spcPct val="15000"/>
            </a:spcAft>
            <a:buChar char="•"/>
          </a:pPr>
          <a:r>
            <a:rPr lang="es-ES" sz="1500" kern="1200" dirty="0">
              <a:solidFill>
                <a:schemeClr val="dk1"/>
              </a:solidFill>
              <a:latin typeface="+mn-lt"/>
              <a:ea typeface="+mn-ea"/>
              <a:cs typeface="+mn-cs"/>
            </a:rPr>
            <a:t>Requiere infraestructura de suministro de combustible específica de SAF.</a:t>
          </a:r>
          <a:endParaRPr lang="en-US" sz="1500" kern="1200" dirty="0"/>
        </a:p>
      </dsp:txBody>
      <dsp:txXfrm>
        <a:off x="3574459" y="538260"/>
        <a:ext cx="3132671" cy="4199850"/>
      </dsp:txXfrm>
    </dsp:sp>
    <dsp:sp modelId="{267B7E50-6C8B-4AFA-B03A-5618D0371C26}">
      <dsp:nvSpPr>
        <dsp:cNvPr id="0" name=""/>
        <dsp:cNvSpPr/>
      </dsp:nvSpPr>
      <dsp:spPr>
        <a:xfrm>
          <a:off x="7145705" y="106260"/>
          <a:ext cx="3132671" cy="432000"/>
        </a:xfrm>
        <a:prstGeom prst="rect">
          <a:avLst/>
        </a:prstGeom>
        <a:solidFill>
          <a:schemeClr val="accent2"/>
        </a:solid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6680" tIns="60960" rIns="106680" bIns="60960" numCol="1" spcCol="1270" anchor="ctr" anchorCtr="0">
          <a:noAutofit/>
        </a:bodyPr>
        <a:lstStyle/>
        <a:p>
          <a:pPr marL="0" lvl="0" indent="0" algn="ctr" defTabSz="666750">
            <a:lnSpc>
              <a:spcPct val="90000"/>
            </a:lnSpc>
            <a:spcBef>
              <a:spcPct val="0"/>
            </a:spcBef>
            <a:spcAft>
              <a:spcPct val="35000"/>
            </a:spcAft>
            <a:buNone/>
          </a:pPr>
          <a:r>
            <a:rPr lang="es-CO" sz="1500" kern="1200" noProof="0" dirty="0"/>
            <a:t>Limitaciones</a:t>
          </a:r>
        </a:p>
      </dsp:txBody>
      <dsp:txXfrm>
        <a:off x="7145705" y="106260"/>
        <a:ext cx="3132671" cy="432000"/>
      </dsp:txXfrm>
    </dsp:sp>
    <dsp:sp modelId="{5C6620D5-3880-4CEE-A6F9-EE51BDF35308}">
      <dsp:nvSpPr>
        <dsp:cNvPr id="0" name=""/>
        <dsp:cNvSpPr/>
      </dsp:nvSpPr>
      <dsp:spPr>
        <a:xfrm>
          <a:off x="7145705" y="538260"/>
          <a:ext cx="3132671" cy="4199850"/>
        </a:xfrm>
        <a:prstGeom prst="rect">
          <a:avLst/>
        </a:prstGeom>
        <a:solidFill>
          <a:schemeClr val="accent2">
            <a:lumMod val="20000"/>
            <a:lumOff val="80000"/>
            <a:alpha val="90000"/>
          </a:schemeClr>
        </a:solidFill>
        <a:ln w="12700" cap="flat" cmpd="sng" algn="ctr">
          <a:no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80010" tIns="80010" rIns="106680" bIns="120015" numCol="1" spcCol="1270" anchor="t" anchorCtr="0">
          <a:noAutofit/>
        </a:bodyPr>
        <a:lstStyle/>
        <a:p>
          <a:pPr marL="114300" lvl="1" indent="-114300" algn="l" defTabSz="666750">
            <a:lnSpc>
              <a:spcPct val="90000"/>
            </a:lnSpc>
            <a:spcBef>
              <a:spcPct val="0"/>
            </a:spcBef>
            <a:spcAft>
              <a:spcPct val="15000"/>
            </a:spcAft>
            <a:buChar char="•"/>
          </a:pPr>
          <a:r>
            <a:rPr lang="es-ES" sz="1500" kern="1200" dirty="0">
              <a:solidFill>
                <a:schemeClr val="dk1"/>
              </a:solidFill>
              <a:latin typeface="+mn-lt"/>
              <a:ea typeface="+mn-ea"/>
              <a:cs typeface="+mn-cs"/>
            </a:rPr>
            <a:t>Se necesita un sistema de contabilidad eficiente y transparente para rastrear el combustible a los diferentes aeropuertos.</a:t>
          </a:r>
          <a:endParaRPr lang="en-US" sz="1500" kern="1200" dirty="0"/>
        </a:p>
      </dsp:txBody>
      <dsp:txXfrm>
        <a:off x="7145705" y="538260"/>
        <a:ext cx="3132671" cy="4199850"/>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A4B4434D-0C33-49CB-A615-A350CC7036D6}">
      <dsp:nvSpPr>
        <dsp:cNvPr id="0" name=""/>
        <dsp:cNvSpPr/>
      </dsp:nvSpPr>
      <dsp:spPr>
        <a:xfrm>
          <a:off x="3212" y="18918"/>
          <a:ext cx="3132671" cy="403200"/>
        </a:xfrm>
        <a:prstGeom prst="rect">
          <a:avLst/>
        </a:prstGeom>
        <a:solidFill>
          <a:schemeClr val="accent4">
            <a:hueOff val="0"/>
            <a:satOff val="0"/>
            <a:lumOff val="0"/>
            <a:alphaOff val="0"/>
          </a:schemeClr>
        </a:solidFill>
        <a:ln w="12700" cap="flat" cmpd="sng" algn="ctr">
          <a:solidFill>
            <a:schemeClr val="accent4">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9568" tIns="56896" rIns="99568" bIns="56896" numCol="1" spcCol="1270" anchor="ctr" anchorCtr="0">
          <a:noAutofit/>
        </a:bodyPr>
        <a:lstStyle/>
        <a:p>
          <a:pPr marL="0" lvl="0" indent="0" algn="ctr" defTabSz="622300">
            <a:lnSpc>
              <a:spcPct val="90000"/>
            </a:lnSpc>
            <a:spcBef>
              <a:spcPct val="0"/>
            </a:spcBef>
            <a:spcAft>
              <a:spcPct val="35000"/>
            </a:spcAft>
            <a:buNone/>
          </a:pPr>
          <a:r>
            <a:rPr lang="es-CO" sz="1400" kern="1200" noProof="0" dirty="0"/>
            <a:t>Ventajas</a:t>
          </a:r>
        </a:p>
      </dsp:txBody>
      <dsp:txXfrm>
        <a:off x="3212" y="18918"/>
        <a:ext cx="3132671" cy="403200"/>
      </dsp:txXfrm>
    </dsp:sp>
    <dsp:sp modelId="{5C70D450-594E-4651-AEDF-B6E82A123A2F}">
      <dsp:nvSpPr>
        <dsp:cNvPr id="0" name=""/>
        <dsp:cNvSpPr/>
      </dsp:nvSpPr>
      <dsp:spPr>
        <a:xfrm>
          <a:off x="3212" y="422118"/>
          <a:ext cx="3132671" cy="4437839"/>
        </a:xfrm>
        <a:prstGeom prst="rect">
          <a:avLst/>
        </a:prstGeom>
        <a:solidFill>
          <a:schemeClr val="accent4">
            <a:tint val="40000"/>
            <a:alpha val="90000"/>
            <a:hueOff val="0"/>
            <a:satOff val="0"/>
            <a:lumOff val="0"/>
            <a:alphaOff val="0"/>
          </a:schemeClr>
        </a:solidFill>
        <a:ln w="12700" cap="flat" cmpd="sng" algn="ctr">
          <a:solidFill>
            <a:schemeClr val="accent4">
              <a:tint val="40000"/>
              <a:alpha val="9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74676" tIns="74676" rIns="99568" bIns="112014" numCol="1" spcCol="1270" anchor="t" anchorCtr="0">
          <a:noAutofit/>
        </a:bodyPr>
        <a:lstStyle/>
        <a:p>
          <a:pPr marL="114300" lvl="1" indent="-114300" algn="l" defTabSz="622300">
            <a:lnSpc>
              <a:spcPct val="90000"/>
            </a:lnSpc>
            <a:spcBef>
              <a:spcPct val="0"/>
            </a:spcBef>
            <a:spcAft>
              <a:spcPct val="15000"/>
            </a:spcAft>
            <a:buChar char="•"/>
          </a:pPr>
          <a:r>
            <a:rPr lang="es-ES" sz="1400" kern="1200" dirty="0"/>
            <a:t>Se necesitan menos camiones para SAF. (1 camión con 100% SAF frente a 3 camiones con 33% SAF).</a:t>
          </a:r>
          <a:endParaRPr lang="en-US" sz="1400" kern="1200" dirty="0"/>
        </a:p>
        <a:p>
          <a:pPr marL="114300" lvl="1" indent="-114300" algn="l" defTabSz="622300">
            <a:lnSpc>
              <a:spcPct val="90000"/>
            </a:lnSpc>
            <a:spcBef>
              <a:spcPct val="0"/>
            </a:spcBef>
            <a:spcAft>
              <a:spcPct val="15000"/>
            </a:spcAft>
            <a:buChar char="•"/>
          </a:pPr>
          <a:r>
            <a:rPr lang="es-ES" sz="1400" kern="1200" dirty="0"/>
            <a:t>Costos de transporte potencialmente reducidos. </a:t>
          </a:r>
        </a:p>
        <a:p>
          <a:pPr marL="114300" lvl="1" indent="-114300" algn="l" defTabSz="622300">
            <a:lnSpc>
              <a:spcPct val="90000"/>
            </a:lnSpc>
            <a:spcBef>
              <a:spcPct val="0"/>
            </a:spcBef>
            <a:spcAft>
              <a:spcPct val="15000"/>
            </a:spcAft>
            <a:buChar char="•"/>
          </a:pPr>
          <a:r>
            <a:rPr lang="es-ES" sz="1400" kern="1200" dirty="0"/>
            <a:t>Aumenta la visibilidad y la presencia de SAF a la fuerza laboral aeroportuaria.</a:t>
          </a:r>
        </a:p>
      </dsp:txBody>
      <dsp:txXfrm>
        <a:off x="3212" y="422118"/>
        <a:ext cx="3132671" cy="4437839"/>
      </dsp:txXfrm>
    </dsp:sp>
    <dsp:sp modelId="{D4F11930-CB4F-4C41-9A15-F7502571343B}">
      <dsp:nvSpPr>
        <dsp:cNvPr id="0" name=""/>
        <dsp:cNvSpPr/>
      </dsp:nvSpPr>
      <dsp:spPr>
        <a:xfrm>
          <a:off x="3574459" y="18918"/>
          <a:ext cx="3132671" cy="403200"/>
        </a:xfrm>
        <a:prstGeom prst="rect">
          <a:avLst/>
        </a:prstGeom>
        <a:solidFill>
          <a:schemeClr val="accent3"/>
        </a:solidFill>
        <a:ln w="12700" cap="flat" cmpd="sng" algn="ctr">
          <a:noFill/>
          <a:prstDash val="solid"/>
          <a:miter lim="800000"/>
        </a:ln>
        <a:effectLst/>
      </dsp:spPr>
      <dsp:style>
        <a:lnRef idx="2">
          <a:schemeClr val="accent3">
            <a:shade val="15000"/>
          </a:schemeClr>
        </a:lnRef>
        <a:fillRef idx="1">
          <a:schemeClr val="accent3"/>
        </a:fillRef>
        <a:effectRef idx="0">
          <a:schemeClr val="accent3"/>
        </a:effectRef>
        <a:fontRef idx="minor">
          <a:schemeClr val="lt1"/>
        </a:fontRef>
      </dsp:style>
      <dsp:txBody>
        <a:bodyPr spcFirstLastPara="0" vert="horz" wrap="square" lIns="99568" tIns="56896" rIns="99568" bIns="56896" numCol="1" spcCol="1270" anchor="ctr" anchorCtr="0">
          <a:noAutofit/>
        </a:bodyPr>
        <a:lstStyle/>
        <a:p>
          <a:pPr marL="0" lvl="0" indent="0" algn="ctr" defTabSz="622300">
            <a:lnSpc>
              <a:spcPct val="90000"/>
            </a:lnSpc>
            <a:spcBef>
              <a:spcPct val="0"/>
            </a:spcBef>
            <a:spcAft>
              <a:spcPct val="35000"/>
            </a:spcAft>
            <a:buNone/>
          </a:pPr>
          <a:r>
            <a:rPr lang="es-CO" sz="1400" kern="1200" noProof="0" dirty="0"/>
            <a:t>Desventajas</a:t>
          </a:r>
        </a:p>
      </dsp:txBody>
      <dsp:txXfrm>
        <a:off x="3574459" y="18918"/>
        <a:ext cx="3132671" cy="403200"/>
      </dsp:txXfrm>
    </dsp:sp>
    <dsp:sp modelId="{5EB2B5AB-BE24-4BFB-BEAA-C43918EA4503}">
      <dsp:nvSpPr>
        <dsp:cNvPr id="0" name=""/>
        <dsp:cNvSpPr/>
      </dsp:nvSpPr>
      <dsp:spPr>
        <a:xfrm>
          <a:off x="3574459" y="422118"/>
          <a:ext cx="3132671" cy="4437839"/>
        </a:xfrm>
        <a:prstGeom prst="rect">
          <a:avLst/>
        </a:prstGeom>
        <a:solidFill>
          <a:schemeClr val="accent3">
            <a:lumMod val="20000"/>
            <a:lumOff val="80000"/>
          </a:schemeClr>
        </a:solidFill>
        <a:ln w="12700" cap="flat" cmpd="sng" algn="ctr">
          <a:noFill/>
          <a:prstDash val="solid"/>
          <a:miter lim="800000"/>
        </a:ln>
        <a:effectLst/>
      </dsp:spPr>
      <dsp:style>
        <a:lnRef idx="2">
          <a:schemeClr val="accent3">
            <a:shade val="15000"/>
          </a:schemeClr>
        </a:lnRef>
        <a:fillRef idx="1">
          <a:schemeClr val="accent3"/>
        </a:fillRef>
        <a:effectRef idx="0">
          <a:schemeClr val="accent3"/>
        </a:effectRef>
        <a:fontRef idx="minor">
          <a:schemeClr val="lt1"/>
        </a:fontRef>
      </dsp:style>
      <dsp:txBody>
        <a:bodyPr spcFirstLastPara="0" vert="horz" wrap="square" lIns="74676" tIns="74676" rIns="99568" bIns="112014" numCol="1" spcCol="1270" anchor="t" anchorCtr="0">
          <a:noAutofit/>
        </a:bodyPr>
        <a:lstStyle/>
        <a:p>
          <a:pPr marL="114300" lvl="1" indent="-114300" algn="l" defTabSz="622300">
            <a:lnSpc>
              <a:spcPct val="90000"/>
            </a:lnSpc>
            <a:spcBef>
              <a:spcPct val="0"/>
            </a:spcBef>
            <a:spcAft>
              <a:spcPct val="15000"/>
            </a:spcAft>
            <a:buChar char="•"/>
          </a:pPr>
          <a:r>
            <a:rPr lang="es-ES" sz="1400" kern="1200" dirty="0"/>
            <a:t>Requiere infraestructura aeroportuaria adicional para recibir, almacenar y mezclar el combustible.</a:t>
          </a:r>
          <a:endParaRPr lang="en-US" sz="1400" kern="1200" dirty="0"/>
        </a:p>
        <a:p>
          <a:pPr marL="114300" lvl="1" indent="-114300" algn="l" defTabSz="622300">
            <a:lnSpc>
              <a:spcPct val="90000"/>
            </a:lnSpc>
            <a:spcBef>
              <a:spcPct val="0"/>
            </a:spcBef>
            <a:spcAft>
              <a:spcPct val="15000"/>
            </a:spcAft>
            <a:buChar char="•"/>
          </a:pPr>
          <a:r>
            <a:rPr lang="es-ES" sz="1400" kern="1200" dirty="0"/>
            <a:t>Requiere duplicación de las cadenas de suministro de combustible hasta el aeropuerto.</a:t>
          </a:r>
        </a:p>
        <a:p>
          <a:pPr marL="114300" lvl="1" indent="-114300" algn="l" defTabSz="622300">
            <a:lnSpc>
              <a:spcPct val="90000"/>
            </a:lnSpc>
            <a:spcBef>
              <a:spcPct val="0"/>
            </a:spcBef>
            <a:spcAft>
              <a:spcPct val="15000"/>
            </a:spcAft>
            <a:buChar char="•"/>
          </a:pPr>
          <a:r>
            <a:rPr lang="es-ES" sz="1400" kern="1200" dirty="0"/>
            <a:t>La certificación del combustible debe realizarse in situ.</a:t>
          </a:r>
        </a:p>
        <a:p>
          <a:pPr marL="114300" lvl="1" indent="-114300" algn="l" defTabSz="622300">
            <a:lnSpc>
              <a:spcPct val="90000"/>
            </a:lnSpc>
            <a:spcBef>
              <a:spcPct val="0"/>
            </a:spcBef>
            <a:spcAft>
              <a:spcPct val="15000"/>
            </a:spcAft>
            <a:buChar char="•"/>
          </a:pPr>
          <a:r>
            <a:rPr lang="es-ES" sz="1400" kern="1200" dirty="0"/>
            <a:t>Incrementa la congestión del tráfico terrestre.</a:t>
          </a:r>
        </a:p>
      </dsp:txBody>
      <dsp:txXfrm>
        <a:off x="3574459" y="422118"/>
        <a:ext cx="3132671" cy="4437839"/>
      </dsp:txXfrm>
    </dsp:sp>
    <dsp:sp modelId="{267B7E50-6C8B-4AFA-B03A-5618D0371C26}">
      <dsp:nvSpPr>
        <dsp:cNvPr id="0" name=""/>
        <dsp:cNvSpPr/>
      </dsp:nvSpPr>
      <dsp:spPr>
        <a:xfrm>
          <a:off x="7145705" y="18918"/>
          <a:ext cx="3132671" cy="403200"/>
        </a:xfrm>
        <a:prstGeom prst="rect">
          <a:avLst/>
        </a:prstGeom>
        <a:solidFill>
          <a:schemeClr val="accent2"/>
        </a:solidFill>
        <a:ln w="12700" cap="flat" cmpd="sng" algn="ctr">
          <a:no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9568" tIns="56896" rIns="99568" bIns="56896" numCol="1" spcCol="1270" anchor="ctr" anchorCtr="0">
          <a:noAutofit/>
        </a:bodyPr>
        <a:lstStyle/>
        <a:p>
          <a:pPr marL="0" lvl="0" indent="0" algn="ctr" defTabSz="622300">
            <a:lnSpc>
              <a:spcPct val="90000"/>
            </a:lnSpc>
            <a:spcBef>
              <a:spcPct val="0"/>
            </a:spcBef>
            <a:spcAft>
              <a:spcPct val="35000"/>
            </a:spcAft>
            <a:buNone/>
          </a:pPr>
          <a:r>
            <a:rPr lang="es-CO" sz="1400" kern="1200" noProof="0" dirty="0"/>
            <a:t>Limitaciones</a:t>
          </a:r>
        </a:p>
      </dsp:txBody>
      <dsp:txXfrm>
        <a:off x="7145705" y="18918"/>
        <a:ext cx="3132671" cy="403200"/>
      </dsp:txXfrm>
    </dsp:sp>
    <dsp:sp modelId="{5C6620D5-3880-4CEE-A6F9-EE51BDF35308}">
      <dsp:nvSpPr>
        <dsp:cNvPr id="0" name=""/>
        <dsp:cNvSpPr/>
      </dsp:nvSpPr>
      <dsp:spPr>
        <a:xfrm>
          <a:off x="7145705" y="422118"/>
          <a:ext cx="3132671" cy="4437839"/>
        </a:xfrm>
        <a:prstGeom prst="rect">
          <a:avLst/>
        </a:prstGeom>
        <a:solidFill>
          <a:schemeClr val="accent2">
            <a:lumMod val="20000"/>
            <a:lumOff val="80000"/>
            <a:alpha val="90000"/>
          </a:schemeClr>
        </a:solidFill>
        <a:ln w="12700" cap="flat" cmpd="sng" algn="ctr">
          <a:no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74676" tIns="74676" rIns="99568" bIns="112014" numCol="1" spcCol="1270" anchor="t" anchorCtr="0">
          <a:noAutofit/>
        </a:bodyPr>
        <a:lstStyle/>
        <a:p>
          <a:pPr marL="114300" lvl="1" indent="-114300" algn="l" defTabSz="622300">
            <a:lnSpc>
              <a:spcPct val="90000"/>
            </a:lnSpc>
            <a:spcBef>
              <a:spcPct val="0"/>
            </a:spcBef>
            <a:spcAft>
              <a:spcPct val="15000"/>
            </a:spcAft>
            <a:buChar char="•"/>
          </a:pPr>
          <a:r>
            <a:rPr lang="es-ES" sz="1400" kern="1200" dirty="0"/>
            <a:t>Se necesitan camiones para el transporte de SAF si no se permite el 100% de SAF en el oleoducto (este es el caso actualmente), lo que restringe los volúmenes de entrega.</a:t>
          </a:r>
          <a:endParaRPr lang="en-US" sz="1400" kern="1200" dirty="0"/>
        </a:p>
        <a:p>
          <a:pPr marL="114300" lvl="1" indent="-114300" algn="l" defTabSz="622300">
            <a:lnSpc>
              <a:spcPct val="90000"/>
            </a:lnSpc>
            <a:spcBef>
              <a:spcPct val="0"/>
            </a:spcBef>
            <a:spcAft>
              <a:spcPct val="15000"/>
            </a:spcAft>
            <a:buChar char="•"/>
          </a:pPr>
          <a:r>
            <a:rPr lang="es-ES" sz="1400" kern="1200" dirty="0"/>
            <a:t>La capacidad de almacenamiento de tanques del aeropuerto es pequeña en comparación con otros lugares.</a:t>
          </a:r>
        </a:p>
        <a:p>
          <a:pPr marL="114300" lvl="1" indent="-114300" algn="l" defTabSz="622300">
            <a:lnSpc>
              <a:spcPct val="90000"/>
            </a:lnSpc>
            <a:spcBef>
              <a:spcPct val="0"/>
            </a:spcBef>
            <a:spcAft>
              <a:spcPct val="15000"/>
            </a:spcAft>
            <a:buChar char="•"/>
          </a:pPr>
          <a:r>
            <a:rPr lang="es-ES" sz="1400" kern="1200" dirty="0"/>
            <a:t>Se requerirían regulaciones para la mezcla in situ – Falta de experiencia en los requisitos de certificación.</a:t>
          </a:r>
        </a:p>
        <a:p>
          <a:pPr marL="114300" lvl="1" indent="-114300" algn="l" defTabSz="622300">
            <a:lnSpc>
              <a:spcPct val="90000"/>
            </a:lnSpc>
            <a:spcBef>
              <a:spcPct val="0"/>
            </a:spcBef>
            <a:spcAft>
              <a:spcPct val="15000"/>
            </a:spcAft>
            <a:buChar char="•"/>
          </a:pPr>
          <a:r>
            <a:rPr lang="es-ES" sz="1400" kern="1200" dirty="0"/>
            <a:t>Cantidades limitadas de combustible se pueden descargar a través de los bastidores de descarga existentes.</a:t>
          </a:r>
        </a:p>
        <a:p>
          <a:pPr marL="114300" lvl="1" indent="-114300" algn="l" defTabSz="622300">
            <a:lnSpc>
              <a:spcPct val="90000"/>
            </a:lnSpc>
            <a:spcBef>
              <a:spcPct val="0"/>
            </a:spcBef>
            <a:spcAft>
              <a:spcPct val="15000"/>
            </a:spcAft>
            <a:buChar char="•"/>
          </a:pPr>
          <a:r>
            <a:rPr lang="es-ES" sz="1400" kern="1200" dirty="0"/>
            <a:t>Falta de marco legal para transportar 100% SAF.</a:t>
          </a:r>
          <a:endParaRPr lang="en-US" sz="1400" kern="1200" dirty="0"/>
        </a:p>
      </dsp:txBody>
      <dsp:txXfrm>
        <a:off x="7145705" y="422118"/>
        <a:ext cx="3132671" cy="4437839"/>
      </dsp:txXfrm>
    </dsp:sp>
  </dsp:spTree>
</dsp:drawing>
</file>

<file path=ppt/diagrams/layout1.xml><?xml version="1.0" encoding="utf-8"?>
<dgm:layoutDef xmlns:dgm="http://schemas.openxmlformats.org/drawingml/2006/diagram" xmlns:a="http://schemas.openxmlformats.org/drawingml/2006/main" uniqueId="urn:microsoft.com/office/officeart/2005/8/layout/hList1">
  <dgm:title val=""/>
  <dgm:desc val=""/>
  <dgm:catLst>
    <dgm:cat type="list" pri="5000"/>
    <dgm:cat type="convert" pri="5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rSet phldr="1"/>
        </dgm:pt>
        <dgm:pt modelId="2">
          <dgm:prSet phldr="1"/>
        </dgm:pt>
      </dgm:ptLst>
      <dgm:cxnLst>
        <dgm:cxn modelId="3" srcId="0" destId="1" srcOrd="0" destOrd="0"/>
        <dgm:cxn modelId="4" srcId="0" destId="2" srcOrd="1" destOrd="0"/>
      </dgm:cxnLst>
      <dgm:bg/>
      <dgm:whole/>
    </dgm:dataModel>
  </dgm:styleData>
  <dgm:clr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0.8"/>
      <dgm:constr type="h" for="des" forName="desTx" refType="primFontSz" refFor="des" refForName="parTx" fact="1.22"/>
      <dgm:constr type="w" for="ch" forName="space" refType="w" refFor="ch" refForName="composite" op="equ" fact="0.14"/>
    </dgm:constrLst>
    <dgm:ruleLst>
      <dgm:rule type="w" for="ch" forName="composite" val="0" fact="NaN" max="NaN"/>
      <dgm:rule type="primFontSz" for="des" forName="parTx" val="5" fact="NaN" max="NaN"/>
    </dgm:ruleLst>
    <dgm:forEach name="Name4" axis="ch" ptType="node">
      <dgm:layoutNode name="composite">
        <dgm:alg type="composite"/>
        <dgm:shape xmlns:r="http://schemas.openxmlformats.org/officeDocument/2006/relationships" r:blip="">
          <dgm:adjLst/>
        </dgm:shape>
        <dgm:presOf/>
        <dgm:constrLst>
          <dgm:constr type="l" for="ch" forName="parTx"/>
          <dgm:constr type="w" for="ch" forName="parTx" refType="w"/>
          <dgm:constr type="t" for="ch" forName="parTx"/>
          <dgm:constr type="l" for="ch" forName="desTx"/>
          <dgm:constr type="w" for="ch" forName="desTx" refType="w" refFor="ch" refForName="parTx"/>
          <dgm:constr type="t" for="ch" forName="desTx" refType="h" refFor="ch" refForName="parTx"/>
        </dgm:constrLst>
        <dgm:ruleLst>
          <dgm:rule type="h" val="INF" fact="NaN" max="NaN"/>
        </dgm:ruleLst>
        <dgm:layoutNode name="parTx" styleLbl="alignNode1">
          <dgm:varLst>
            <dgm:chMax val="0"/>
            <dgm:chPref val="0"/>
            <dgm:bulletEnabled val="1"/>
          </dgm:varLst>
          <dgm:alg type="tx"/>
          <dgm:shape xmlns:r="http://schemas.openxmlformats.org/officeDocument/2006/relationships" type="rect" r:blip="">
            <dgm:adjLst/>
          </dgm:shape>
          <dgm:presOf axis="self" ptType="node"/>
          <dgm:constrLst>
            <dgm:constr type="h" refType="w" op="lte" fact="0.4"/>
            <dgm:constr type="h"/>
            <dgm:constr type="tMarg" refType="primFontSz" fact="0.32"/>
            <dgm:constr type="bMarg" refType="primFontSz" fact="0.32"/>
          </dgm:constrLst>
          <dgm:ruleLst>
            <dgm:rule type="h" val="INF" fact="NaN" max="NaN"/>
          </dgm:ruleLst>
        </dgm:layoutNode>
        <dgm:layoutNode name="desTx" styleLbl="alignAccFollowNode1">
          <dgm:varLst>
            <dgm:bulletEnabled val="1"/>
          </dgm:varLst>
          <dgm:alg type="tx">
            <dgm:param type="stBulletLvl" val="1"/>
          </dgm:alg>
          <dgm:shape xmlns:r="http://schemas.openxmlformats.org/officeDocument/2006/relationships" type="rect" r:blip="">
            <dgm:adjLst/>
          </dgm:shape>
          <dgm:presOf axis="des" ptType="node"/>
          <dgm:constrLst>
            <dgm:constr type="secFontSz" val="65"/>
            <dgm:constr type="primFontSz" refType="secFontSz"/>
            <dgm:constr type="h"/>
            <dgm:constr type="lMarg" refType="primFontSz" fact="0.42"/>
            <dgm:constr type="tMarg" refType="primFontSz" fact="0.42"/>
            <dgm:constr type="bMarg" refType="primFontSz" fact="0.63"/>
          </dgm:constrLst>
          <dgm:ruleLst>
            <dgm:rule type="h" val="INF" fact="NaN" max="NaN"/>
          </dgm:ruleLst>
        </dgm:layoutNode>
      </dgm:layoutNode>
      <dgm:forEach name="Name5" axis="followSib" ptType="sibTrans" cnt="1">
        <dgm:layoutNode name="space">
          <dgm:alg type="sp"/>
          <dgm:shape xmlns:r="http://schemas.openxmlformats.org/officeDocument/2006/relationships" r:blip="">
            <dgm:adjLst/>
          </dgm:shape>
          <dgm:presOf/>
          <dgm:constrLst/>
          <dgm:ruleLst/>
        </dgm:layoutNode>
      </dgm:forEach>
    </dgm:forEach>
  </dgm:layoutNode>
</dgm:layoutDef>
</file>

<file path=ppt/diagrams/layout2.xml><?xml version="1.0" encoding="utf-8"?>
<dgm:layoutDef xmlns:dgm="http://schemas.openxmlformats.org/drawingml/2006/diagram" xmlns:a="http://schemas.openxmlformats.org/drawingml/2006/main" uniqueId="urn:microsoft.com/office/officeart/2005/8/layout/hList1">
  <dgm:title val=""/>
  <dgm:desc val=""/>
  <dgm:catLst>
    <dgm:cat type="list" pri="5000"/>
    <dgm:cat type="convert" pri="5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rSet phldr="1"/>
        </dgm:pt>
        <dgm:pt modelId="2">
          <dgm:prSet phldr="1"/>
        </dgm:pt>
      </dgm:ptLst>
      <dgm:cxnLst>
        <dgm:cxn modelId="3" srcId="0" destId="1" srcOrd="0" destOrd="0"/>
        <dgm:cxn modelId="4" srcId="0" destId="2" srcOrd="1" destOrd="0"/>
      </dgm:cxnLst>
      <dgm:bg/>
      <dgm:whole/>
    </dgm:dataModel>
  </dgm:styleData>
  <dgm:clr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0.8"/>
      <dgm:constr type="h" for="des" forName="desTx" refType="primFontSz" refFor="des" refForName="parTx" fact="1.22"/>
      <dgm:constr type="w" for="ch" forName="space" refType="w" refFor="ch" refForName="composite" op="equ" fact="0.14"/>
    </dgm:constrLst>
    <dgm:ruleLst>
      <dgm:rule type="w" for="ch" forName="composite" val="0" fact="NaN" max="NaN"/>
      <dgm:rule type="primFontSz" for="des" forName="parTx" val="5" fact="NaN" max="NaN"/>
    </dgm:ruleLst>
    <dgm:forEach name="Name4" axis="ch" ptType="node">
      <dgm:layoutNode name="composite">
        <dgm:alg type="composite"/>
        <dgm:shape xmlns:r="http://schemas.openxmlformats.org/officeDocument/2006/relationships" r:blip="">
          <dgm:adjLst/>
        </dgm:shape>
        <dgm:presOf/>
        <dgm:constrLst>
          <dgm:constr type="l" for="ch" forName="parTx"/>
          <dgm:constr type="w" for="ch" forName="parTx" refType="w"/>
          <dgm:constr type="t" for="ch" forName="parTx"/>
          <dgm:constr type="l" for="ch" forName="desTx"/>
          <dgm:constr type="w" for="ch" forName="desTx" refType="w" refFor="ch" refForName="parTx"/>
          <dgm:constr type="t" for="ch" forName="desTx" refType="h" refFor="ch" refForName="parTx"/>
        </dgm:constrLst>
        <dgm:ruleLst>
          <dgm:rule type="h" val="INF" fact="NaN" max="NaN"/>
        </dgm:ruleLst>
        <dgm:layoutNode name="parTx" styleLbl="alignNode1">
          <dgm:varLst>
            <dgm:chMax val="0"/>
            <dgm:chPref val="0"/>
            <dgm:bulletEnabled val="1"/>
          </dgm:varLst>
          <dgm:alg type="tx"/>
          <dgm:shape xmlns:r="http://schemas.openxmlformats.org/officeDocument/2006/relationships" type="rect" r:blip="">
            <dgm:adjLst/>
          </dgm:shape>
          <dgm:presOf axis="self" ptType="node"/>
          <dgm:constrLst>
            <dgm:constr type="h" refType="w" op="lte" fact="0.4"/>
            <dgm:constr type="h"/>
            <dgm:constr type="tMarg" refType="primFontSz" fact="0.32"/>
            <dgm:constr type="bMarg" refType="primFontSz" fact="0.32"/>
          </dgm:constrLst>
          <dgm:ruleLst>
            <dgm:rule type="h" val="INF" fact="NaN" max="NaN"/>
          </dgm:ruleLst>
        </dgm:layoutNode>
        <dgm:layoutNode name="desTx" styleLbl="alignAccFollowNode1">
          <dgm:varLst>
            <dgm:bulletEnabled val="1"/>
          </dgm:varLst>
          <dgm:alg type="tx">
            <dgm:param type="stBulletLvl" val="1"/>
          </dgm:alg>
          <dgm:shape xmlns:r="http://schemas.openxmlformats.org/officeDocument/2006/relationships" type="rect" r:blip="">
            <dgm:adjLst/>
          </dgm:shape>
          <dgm:presOf axis="des" ptType="node"/>
          <dgm:constrLst>
            <dgm:constr type="secFontSz" val="65"/>
            <dgm:constr type="primFontSz" refType="secFontSz"/>
            <dgm:constr type="h"/>
            <dgm:constr type="lMarg" refType="primFontSz" fact="0.42"/>
            <dgm:constr type="tMarg" refType="primFontSz" fact="0.42"/>
            <dgm:constr type="bMarg" refType="primFontSz" fact="0.63"/>
          </dgm:constrLst>
          <dgm:ruleLst>
            <dgm:rule type="h" val="INF" fact="NaN" max="NaN"/>
          </dgm:ruleLst>
        </dgm:layoutNode>
      </dgm:layoutNode>
      <dgm:forEach name="Name5" axis="followSib" ptType="sibTrans" cnt="1">
        <dgm:layoutNode name="space">
          <dgm:alg type="sp"/>
          <dgm:shape xmlns:r="http://schemas.openxmlformats.org/officeDocument/2006/relationships" r:blip="">
            <dgm:adjLst/>
          </dgm:shape>
          <dgm:presOf/>
          <dgm:constrLst/>
          <dgm:ruleLst/>
        </dgm:layoutNode>
      </dgm:forEach>
    </dgm:forEach>
  </dgm:layoutNode>
</dgm:layoutDef>
</file>

<file path=ppt/diagrams/layout3.xml><?xml version="1.0" encoding="utf-8"?>
<dgm:layoutDef xmlns:dgm="http://schemas.openxmlformats.org/drawingml/2006/diagram" xmlns:a="http://schemas.openxmlformats.org/drawingml/2006/main" uniqueId="urn:microsoft.com/office/officeart/2005/8/layout/hList1">
  <dgm:title val=""/>
  <dgm:desc val=""/>
  <dgm:catLst>
    <dgm:cat type="list" pri="5000"/>
    <dgm:cat type="convert" pri="5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rSet phldr="1"/>
        </dgm:pt>
        <dgm:pt modelId="2">
          <dgm:prSet phldr="1"/>
        </dgm:pt>
      </dgm:ptLst>
      <dgm:cxnLst>
        <dgm:cxn modelId="3" srcId="0" destId="1" srcOrd="0" destOrd="0"/>
        <dgm:cxn modelId="4" srcId="0" destId="2" srcOrd="1" destOrd="0"/>
      </dgm:cxnLst>
      <dgm:bg/>
      <dgm:whole/>
    </dgm:dataModel>
  </dgm:styleData>
  <dgm:clr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0.8"/>
      <dgm:constr type="h" for="des" forName="desTx" refType="primFontSz" refFor="des" refForName="parTx" fact="1.22"/>
      <dgm:constr type="w" for="ch" forName="space" refType="w" refFor="ch" refForName="composite" op="equ" fact="0.14"/>
    </dgm:constrLst>
    <dgm:ruleLst>
      <dgm:rule type="w" for="ch" forName="composite" val="0" fact="NaN" max="NaN"/>
      <dgm:rule type="primFontSz" for="des" forName="parTx" val="5" fact="NaN" max="NaN"/>
    </dgm:ruleLst>
    <dgm:forEach name="Name4" axis="ch" ptType="node">
      <dgm:layoutNode name="composite">
        <dgm:alg type="composite"/>
        <dgm:shape xmlns:r="http://schemas.openxmlformats.org/officeDocument/2006/relationships" r:blip="">
          <dgm:adjLst/>
        </dgm:shape>
        <dgm:presOf/>
        <dgm:constrLst>
          <dgm:constr type="l" for="ch" forName="parTx"/>
          <dgm:constr type="w" for="ch" forName="parTx" refType="w"/>
          <dgm:constr type="t" for="ch" forName="parTx"/>
          <dgm:constr type="l" for="ch" forName="desTx"/>
          <dgm:constr type="w" for="ch" forName="desTx" refType="w" refFor="ch" refForName="parTx"/>
          <dgm:constr type="t" for="ch" forName="desTx" refType="h" refFor="ch" refForName="parTx"/>
        </dgm:constrLst>
        <dgm:ruleLst>
          <dgm:rule type="h" val="INF" fact="NaN" max="NaN"/>
        </dgm:ruleLst>
        <dgm:layoutNode name="parTx" styleLbl="alignNode1">
          <dgm:varLst>
            <dgm:chMax val="0"/>
            <dgm:chPref val="0"/>
            <dgm:bulletEnabled val="1"/>
          </dgm:varLst>
          <dgm:alg type="tx"/>
          <dgm:shape xmlns:r="http://schemas.openxmlformats.org/officeDocument/2006/relationships" type="rect" r:blip="">
            <dgm:adjLst/>
          </dgm:shape>
          <dgm:presOf axis="self" ptType="node"/>
          <dgm:constrLst>
            <dgm:constr type="h" refType="w" op="lte" fact="0.4"/>
            <dgm:constr type="h"/>
            <dgm:constr type="tMarg" refType="primFontSz" fact="0.32"/>
            <dgm:constr type="bMarg" refType="primFontSz" fact="0.32"/>
          </dgm:constrLst>
          <dgm:ruleLst>
            <dgm:rule type="h" val="INF" fact="NaN" max="NaN"/>
          </dgm:ruleLst>
        </dgm:layoutNode>
        <dgm:layoutNode name="desTx" styleLbl="alignAccFollowNode1">
          <dgm:varLst>
            <dgm:bulletEnabled val="1"/>
          </dgm:varLst>
          <dgm:alg type="tx">
            <dgm:param type="stBulletLvl" val="1"/>
          </dgm:alg>
          <dgm:shape xmlns:r="http://schemas.openxmlformats.org/officeDocument/2006/relationships" type="rect" r:blip="">
            <dgm:adjLst/>
          </dgm:shape>
          <dgm:presOf axis="des" ptType="node"/>
          <dgm:constrLst>
            <dgm:constr type="secFontSz" val="65"/>
            <dgm:constr type="primFontSz" refType="secFontSz"/>
            <dgm:constr type="h"/>
            <dgm:constr type="lMarg" refType="primFontSz" fact="0.42"/>
            <dgm:constr type="tMarg" refType="primFontSz" fact="0.42"/>
            <dgm:constr type="bMarg" refType="primFontSz" fact="0.63"/>
          </dgm:constrLst>
          <dgm:ruleLst>
            <dgm:rule type="h" val="INF" fact="NaN" max="NaN"/>
          </dgm:ruleLst>
        </dgm:layoutNode>
      </dgm:layoutNode>
      <dgm:forEach name="Name5" axis="followSib" ptType="sibTrans" cnt="1">
        <dgm:layoutNode name="space">
          <dgm:alg type="sp"/>
          <dgm:shape xmlns:r="http://schemas.openxmlformats.org/officeDocument/2006/relationships" r:blip="">
            <dgm:adjLst/>
          </dgm:shape>
          <dgm:presOf/>
          <dgm:constrLst/>
          <dgm:ruleLst/>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6FD0FF8E-AD6C-48C6-BCA2-9941E1E3A200}"/>
              </a:ext>
            </a:extLst>
          </p:cNvPr>
          <p:cNvSpPr>
            <a:spLocks noGrp="1"/>
          </p:cNvSpPr>
          <p:nvPr>
            <p:ph type="hdr" sz="quarter"/>
          </p:nvPr>
        </p:nvSpPr>
        <p:spPr>
          <a:xfrm>
            <a:off x="477980" y="0"/>
            <a:ext cx="2784765" cy="458788"/>
          </a:xfrm>
          <a:prstGeom prst="rect">
            <a:avLst/>
          </a:prstGeom>
        </p:spPr>
        <p:txBody>
          <a:bodyPr vert="horz" lIns="91440" tIns="45720" rIns="91440" bIns="45720" rtlCol="0" anchor="b" anchorCtr="0"/>
          <a:lstStyle>
            <a:lvl1pPr algn="l">
              <a:defRPr sz="1200"/>
            </a:lvl1pPr>
          </a:lstStyle>
          <a:p>
            <a:endParaRPr lang="en-US" sz="1000" dirty="0"/>
          </a:p>
        </p:txBody>
      </p:sp>
      <p:sp>
        <p:nvSpPr>
          <p:cNvPr id="3" name="Date Placeholder 2">
            <a:extLst>
              <a:ext uri="{FF2B5EF4-FFF2-40B4-BE49-F238E27FC236}">
                <a16:creationId xmlns:a16="http://schemas.microsoft.com/office/drawing/2014/main" id="{87AE2D18-DC98-444A-8A8A-7D09977137AB}"/>
              </a:ext>
            </a:extLst>
          </p:cNvPr>
          <p:cNvSpPr>
            <a:spLocks noGrp="1"/>
          </p:cNvSpPr>
          <p:nvPr>
            <p:ph type="dt" sz="quarter" idx="1"/>
          </p:nvPr>
        </p:nvSpPr>
        <p:spPr>
          <a:xfrm>
            <a:off x="3595257" y="0"/>
            <a:ext cx="2784763" cy="458788"/>
          </a:xfrm>
          <a:prstGeom prst="rect">
            <a:avLst/>
          </a:prstGeom>
        </p:spPr>
        <p:txBody>
          <a:bodyPr vert="horz" lIns="91440" tIns="45720" rIns="91440" bIns="45720" rtlCol="0" anchor="b" anchorCtr="0"/>
          <a:lstStyle>
            <a:lvl1pPr algn="r">
              <a:defRPr sz="1200"/>
            </a:lvl1pPr>
          </a:lstStyle>
          <a:p>
            <a:fld id="{C742B7D5-EC82-44F6-A7E1-F7BEEB78D862}" type="datetimeFigureOut">
              <a:rPr lang="en-US" sz="1000" smtClean="0"/>
              <a:t>11/8/2023</a:t>
            </a:fld>
            <a:endParaRPr lang="en-US" sz="1000" dirty="0"/>
          </a:p>
        </p:txBody>
      </p:sp>
      <p:sp>
        <p:nvSpPr>
          <p:cNvPr id="4" name="Footer Placeholder 3">
            <a:extLst>
              <a:ext uri="{FF2B5EF4-FFF2-40B4-BE49-F238E27FC236}">
                <a16:creationId xmlns:a16="http://schemas.microsoft.com/office/drawing/2014/main" id="{7138B8B2-A215-46EA-ACE8-421665D33BA8}"/>
              </a:ext>
            </a:extLst>
          </p:cNvPr>
          <p:cNvSpPr>
            <a:spLocks noGrp="1"/>
          </p:cNvSpPr>
          <p:nvPr>
            <p:ph type="ftr" sz="quarter" idx="2"/>
          </p:nvPr>
        </p:nvSpPr>
        <p:spPr>
          <a:xfrm>
            <a:off x="1184563" y="8685213"/>
            <a:ext cx="4249881" cy="458787"/>
          </a:xfrm>
          <a:prstGeom prst="rect">
            <a:avLst/>
          </a:prstGeom>
        </p:spPr>
        <p:txBody>
          <a:bodyPr vert="horz" lIns="91440" tIns="45720" rIns="91440" bIns="45720" rtlCol="0" anchor="t" anchorCtr="0"/>
          <a:lstStyle>
            <a:lvl1pPr algn="l">
              <a:defRPr sz="1200"/>
            </a:lvl1pPr>
          </a:lstStyle>
          <a:p>
            <a:endParaRPr lang="en-US" sz="1000"/>
          </a:p>
        </p:txBody>
      </p:sp>
      <p:sp>
        <p:nvSpPr>
          <p:cNvPr id="5" name="Slide Number Placeholder 4">
            <a:extLst>
              <a:ext uri="{FF2B5EF4-FFF2-40B4-BE49-F238E27FC236}">
                <a16:creationId xmlns:a16="http://schemas.microsoft.com/office/drawing/2014/main" id="{62B1F3DC-01D1-4439-A13F-6E96C67139AB}"/>
              </a:ext>
            </a:extLst>
          </p:cNvPr>
          <p:cNvSpPr>
            <a:spLocks noGrp="1"/>
          </p:cNvSpPr>
          <p:nvPr>
            <p:ph type="sldNum" sz="quarter" idx="3"/>
          </p:nvPr>
        </p:nvSpPr>
        <p:spPr>
          <a:xfrm>
            <a:off x="477982" y="8685213"/>
            <a:ext cx="488372" cy="458787"/>
          </a:xfrm>
          <a:prstGeom prst="rect">
            <a:avLst/>
          </a:prstGeom>
        </p:spPr>
        <p:txBody>
          <a:bodyPr vert="horz" lIns="91440" tIns="45720" rIns="91440" bIns="45720" rtlCol="0" anchor="t" anchorCtr="0"/>
          <a:lstStyle>
            <a:lvl1pPr algn="r">
              <a:defRPr sz="1200"/>
            </a:lvl1pPr>
          </a:lstStyle>
          <a:p>
            <a:pPr algn="l"/>
            <a:fld id="{9D865D99-2DA9-452F-AC6C-1E9B05A5072B}" type="slidenum">
              <a:rPr lang="en-US" sz="1000" smtClean="0"/>
              <a:pPr algn="l"/>
              <a:t>‹#›</a:t>
            </a:fld>
            <a:endParaRPr lang="en-US" sz="1000"/>
          </a:p>
        </p:txBody>
      </p:sp>
      <p:sp>
        <p:nvSpPr>
          <p:cNvPr id="6" name="Freeform 5">
            <a:extLst>
              <a:ext uri="{FF2B5EF4-FFF2-40B4-BE49-F238E27FC236}">
                <a16:creationId xmlns:a16="http://schemas.microsoft.com/office/drawing/2014/main" id="{58AB3F47-462C-4908-95C9-67DEF5E02D9E}"/>
              </a:ext>
            </a:extLst>
          </p:cNvPr>
          <p:cNvSpPr>
            <a:spLocks noChangeAspect="1" noEditPoints="1"/>
          </p:cNvSpPr>
          <p:nvPr/>
        </p:nvSpPr>
        <p:spPr bwMode="auto">
          <a:xfrm>
            <a:off x="5647408" y="8371060"/>
            <a:ext cx="732609" cy="458789"/>
          </a:xfrm>
          <a:custGeom>
            <a:avLst/>
            <a:gdLst>
              <a:gd name="T0" fmla="*/ 971 w 1920"/>
              <a:gd name="T1" fmla="*/ 446 h 1200"/>
              <a:gd name="T2" fmla="*/ 860 w 1920"/>
              <a:gd name="T3" fmla="*/ 461 h 1200"/>
              <a:gd name="T4" fmla="*/ 971 w 1920"/>
              <a:gd name="T5" fmla="*/ 12 h 1200"/>
              <a:gd name="T6" fmla="*/ 971 w 1920"/>
              <a:gd name="T7" fmla="*/ 12 h 1200"/>
              <a:gd name="T8" fmla="*/ 950 w 1920"/>
              <a:gd name="T9" fmla="*/ 137 h 1200"/>
              <a:gd name="T10" fmla="*/ 971 w 1920"/>
              <a:gd name="T11" fmla="*/ 301 h 1200"/>
              <a:gd name="T12" fmla="*/ 971 w 1920"/>
              <a:gd name="T13" fmla="*/ 424 h 1200"/>
              <a:gd name="T14" fmla="*/ 1092 w 1920"/>
              <a:gd name="T15" fmla="*/ 451 h 1200"/>
              <a:gd name="T16" fmla="*/ 1154 w 1920"/>
              <a:gd name="T17" fmla="*/ 514 h 1200"/>
              <a:gd name="T18" fmla="*/ 1154 w 1920"/>
              <a:gd name="T19" fmla="*/ 514 h 1200"/>
              <a:gd name="T20" fmla="*/ 816 w 1920"/>
              <a:gd name="T21" fmla="*/ 301 h 1200"/>
              <a:gd name="T22" fmla="*/ 660 w 1920"/>
              <a:gd name="T23" fmla="*/ 301 h 1200"/>
              <a:gd name="T24" fmla="*/ 749 w 1920"/>
              <a:gd name="T25" fmla="*/ 500 h 1200"/>
              <a:gd name="T26" fmla="*/ 839 w 1920"/>
              <a:gd name="T27" fmla="*/ 470 h 1200"/>
              <a:gd name="T28" fmla="*/ 971 w 1920"/>
              <a:gd name="T29" fmla="*/ 158 h 1200"/>
              <a:gd name="T30" fmla="*/ 1071 w 1920"/>
              <a:gd name="T31" fmla="*/ 139 h 1200"/>
              <a:gd name="T32" fmla="*/ 1127 w 1920"/>
              <a:gd name="T33" fmla="*/ 280 h 1200"/>
              <a:gd name="T34" fmla="*/ 1260 w 1920"/>
              <a:gd name="T35" fmla="*/ 280 h 1200"/>
              <a:gd name="T36" fmla="*/ 990 w 1920"/>
              <a:gd name="T37" fmla="*/ 0 h 1200"/>
              <a:gd name="T38" fmla="*/ 950 w 1920"/>
              <a:gd name="T39" fmla="*/ 280 h 1200"/>
              <a:gd name="T40" fmla="*/ 950 w 1920"/>
              <a:gd name="T41" fmla="*/ 158 h 1200"/>
              <a:gd name="T42" fmla="*/ 829 w 1920"/>
              <a:gd name="T43" fmla="*/ 131 h 1200"/>
              <a:gd name="T44" fmla="*/ 765 w 1920"/>
              <a:gd name="T45" fmla="*/ 67 h 1200"/>
              <a:gd name="T46" fmla="*/ 765 w 1920"/>
              <a:gd name="T47" fmla="*/ 67 h 1200"/>
              <a:gd name="T48" fmla="*/ 849 w 1920"/>
              <a:gd name="T49" fmla="*/ 646 h 1200"/>
              <a:gd name="T50" fmla="*/ 282 w 1920"/>
              <a:gd name="T51" fmla="*/ 671 h 1200"/>
              <a:gd name="T52" fmla="*/ 289 w 1920"/>
              <a:gd name="T53" fmla="*/ 650 h 1200"/>
              <a:gd name="T54" fmla="*/ 565 w 1920"/>
              <a:gd name="T55" fmla="*/ 556 h 1200"/>
              <a:gd name="T56" fmla="*/ 515 w 1920"/>
              <a:gd name="T57" fmla="*/ 483 h 1200"/>
              <a:gd name="T58" fmla="*/ 0 w 1920"/>
              <a:gd name="T59" fmla="*/ 388 h 1200"/>
              <a:gd name="T60" fmla="*/ 1071 w 1920"/>
              <a:gd name="T61" fmla="*/ 646 h 1200"/>
              <a:gd name="T62" fmla="*/ 1638 w 1920"/>
              <a:gd name="T63" fmla="*/ 671 h 1200"/>
              <a:gd name="T64" fmla="*/ 1631 w 1920"/>
              <a:gd name="T65" fmla="*/ 650 h 1200"/>
              <a:gd name="T66" fmla="*/ 1355 w 1920"/>
              <a:gd name="T67" fmla="*/ 556 h 1200"/>
              <a:gd name="T68" fmla="*/ 1405 w 1920"/>
              <a:gd name="T69" fmla="*/ 483 h 1200"/>
              <a:gd name="T70" fmla="*/ 1920 w 1920"/>
              <a:gd name="T71" fmla="*/ 388 h 1200"/>
              <a:gd name="T72" fmla="*/ 1563 w 1920"/>
              <a:gd name="T73" fmla="*/ 819 h 1200"/>
              <a:gd name="T74" fmla="*/ 1518 w 1920"/>
              <a:gd name="T75" fmla="*/ 1155 h 1200"/>
              <a:gd name="T76" fmla="*/ 1245 w 1920"/>
              <a:gd name="T77" fmla="*/ 1200 h 1200"/>
              <a:gd name="T78" fmla="*/ 1483 w 1920"/>
              <a:gd name="T79" fmla="*/ 936 h 1200"/>
              <a:gd name="T80" fmla="*/ 1038 w 1920"/>
              <a:gd name="T81" fmla="*/ 914 h 1200"/>
              <a:gd name="T82" fmla="*/ 1289 w 1920"/>
              <a:gd name="T83" fmla="*/ 817 h 1200"/>
              <a:gd name="T84" fmla="*/ 1120 w 1920"/>
              <a:gd name="T85" fmla="*/ 1200 h 1200"/>
              <a:gd name="T86" fmla="*/ 672 w 1920"/>
              <a:gd name="T87" fmla="*/ 819 h 1200"/>
              <a:gd name="T88" fmla="*/ 759 w 1920"/>
              <a:gd name="T89" fmla="*/ 1200 h 1200"/>
              <a:gd name="T90" fmla="*/ 606 w 1920"/>
              <a:gd name="T91" fmla="*/ 1200 h 1200"/>
              <a:gd name="T92" fmla="*/ 739 w 1920"/>
              <a:gd name="T93" fmla="*/ 1075 h 1200"/>
              <a:gd name="T94" fmla="*/ 273 w 1920"/>
              <a:gd name="T95" fmla="*/ 1200 h 1200"/>
              <a:gd name="T96" fmla="*/ 401 w 1920"/>
              <a:gd name="T97" fmla="*/ 1200 h 1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920" h="1200">
                <a:moveTo>
                  <a:pt x="971" y="571"/>
                </a:moveTo>
                <a:cubicBezTo>
                  <a:pt x="1007" y="542"/>
                  <a:pt x="1039" y="503"/>
                  <a:pt x="1060" y="461"/>
                </a:cubicBezTo>
                <a:cubicBezTo>
                  <a:pt x="1032" y="452"/>
                  <a:pt x="1001" y="446"/>
                  <a:pt x="971" y="446"/>
                </a:cubicBezTo>
                <a:lnTo>
                  <a:pt x="971" y="571"/>
                </a:lnTo>
                <a:close/>
                <a:moveTo>
                  <a:pt x="950" y="569"/>
                </a:moveTo>
                <a:cubicBezTo>
                  <a:pt x="913" y="542"/>
                  <a:pt x="881" y="503"/>
                  <a:pt x="860" y="461"/>
                </a:cubicBezTo>
                <a:cubicBezTo>
                  <a:pt x="888" y="451"/>
                  <a:pt x="919" y="446"/>
                  <a:pt x="950" y="446"/>
                </a:cubicBezTo>
                <a:lnTo>
                  <a:pt x="950" y="569"/>
                </a:lnTo>
                <a:close/>
                <a:moveTo>
                  <a:pt x="971" y="12"/>
                </a:moveTo>
                <a:cubicBezTo>
                  <a:pt x="1007" y="41"/>
                  <a:pt x="1039" y="79"/>
                  <a:pt x="1060" y="120"/>
                </a:cubicBezTo>
                <a:cubicBezTo>
                  <a:pt x="1032" y="130"/>
                  <a:pt x="1001" y="137"/>
                  <a:pt x="971" y="137"/>
                </a:cubicBezTo>
                <a:lnTo>
                  <a:pt x="971" y="12"/>
                </a:lnTo>
                <a:close/>
                <a:moveTo>
                  <a:pt x="950" y="12"/>
                </a:moveTo>
                <a:cubicBezTo>
                  <a:pt x="913" y="41"/>
                  <a:pt x="881" y="80"/>
                  <a:pt x="860" y="120"/>
                </a:cubicBezTo>
                <a:cubicBezTo>
                  <a:pt x="888" y="129"/>
                  <a:pt x="919" y="137"/>
                  <a:pt x="950" y="137"/>
                </a:cubicBezTo>
                <a:lnTo>
                  <a:pt x="950" y="12"/>
                </a:lnTo>
                <a:close/>
                <a:moveTo>
                  <a:pt x="971" y="424"/>
                </a:moveTo>
                <a:cubicBezTo>
                  <a:pt x="971" y="301"/>
                  <a:pt x="971" y="301"/>
                  <a:pt x="971" y="301"/>
                </a:cubicBezTo>
                <a:cubicBezTo>
                  <a:pt x="1104" y="301"/>
                  <a:pt x="1104" y="301"/>
                  <a:pt x="1104" y="301"/>
                </a:cubicBezTo>
                <a:cubicBezTo>
                  <a:pt x="1104" y="350"/>
                  <a:pt x="1092" y="398"/>
                  <a:pt x="1071" y="443"/>
                </a:cubicBezTo>
                <a:cubicBezTo>
                  <a:pt x="1040" y="432"/>
                  <a:pt x="1004" y="424"/>
                  <a:pt x="971" y="424"/>
                </a:cubicBezTo>
                <a:moveTo>
                  <a:pt x="1260" y="301"/>
                </a:moveTo>
                <a:cubicBezTo>
                  <a:pt x="1127" y="301"/>
                  <a:pt x="1127" y="301"/>
                  <a:pt x="1127" y="301"/>
                </a:cubicBezTo>
                <a:cubicBezTo>
                  <a:pt x="1125" y="355"/>
                  <a:pt x="1114" y="403"/>
                  <a:pt x="1092" y="451"/>
                </a:cubicBezTo>
                <a:cubicBezTo>
                  <a:pt x="1120" y="464"/>
                  <a:pt x="1146" y="480"/>
                  <a:pt x="1171" y="500"/>
                </a:cubicBezTo>
                <a:cubicBezTo>
                  <a:pt x="1225" y="447"/>
                  <a:pt x="1257" y="375"/>
                  <a:pt x="1260" y="301"/>
                </a:cubicBezTo>
                <a:moveTo>
                  <a:pt x="1154" y="514"/>
                </a:moveTo>
                <a:cubicBezTo>
                  <a:pt x="1133" y="496"/>
                  <a:pt x="1107" y="480"/>
                  <a:pt x="1081" y="470"/>
                </a:cubicBezTo>
                <a:cubicBezTo>
                  <a:pt x="1057" y="513"/>
                  <a:pt x="1028" y="549"/>
                  <a:pt x="990" y="582"/>
                </a:cubicBezTo>
                <a:cubicBezTo>
                  <a:pt x="1051" y="574"/>
                  <a:pt x="1107" y="552"/>
                  <a:pt x="1154" y="514"/>
                </a:cubicBezTo>
                <a:moveTo>
                  <a:pt x="950" y="424"/>
                </a:moveTo>
                <a:cubicBezTo>
                  <a:pt x="950" y="301"/>
                  <a:pt x="950" y="301"/>
                  <a:pt x="950" y="301"/>
                </a:cubicBezTo>
                <a:cubicBezTo>
                  <a:pt x="816" y="301"/>
                  <a:pt x="816" y="301"/>
                  <a:pt x="816" y="301"/>
                </a:cubicBezTo>
                <a:cubicBezTo>
                  <a:pt x="817" y="350"/>
                  <a:pt x="828" y="399"/>
                  <a:pt x="849" y="443"/>
                </a:cubicBezTo>
                <a:cubicBezTo>
                  <a:pt x="881" y="432"/>
                  <a:pt x="915" y="424"/>
                  <a:pt x="950" y="424"/>
                </a:cubicBezTo>
                <a:moveTo>
                  <a:pt x="660" y="301"/>
                </a:moveTo>
                <a:cubicBezTo>
                  <a:pt x="793" y="301"/>
                  <a:pt x="793" y="301"/>
                  <a:pt x="793" y="301"/>
                </a:cubicBezTo>
                <a:cubicBezTo>
                  <a:pt x="796" y="355"/>
                  <a:pt x="808" y="402"/>
                  <a:pt x="829" y="451"/>
                </a:cubicBezTo>
                <a:cubicBezTo>
                  <a:pt x="800" y="464"/>
                  <a:pt x="774" y="480"/>
                  <a:pt x="749" y="500"/>
                </a:cubicBezTo>
                <a:cubicBezTo>
                  <a:pt x="695" y="447"/>
                  <a:pt x="664" y="377"/>
                  <a:pt x="660" y="301"/>
                </a:cubicBezTo>
                <a:moveTo>
                  <a:pt x="765" y="514"/>
                </a:moveTo>
                <a:cubicBezTo>
                  <a:pt x="788" y="497"/>
                  <a:pt x="813" y="479"/>
                  <a:pt x="839" y="470"/>
                </a:cubicBezTo>
                <a:cubicBezTo>
                  <a:pt x="863" y="513"/>
                  <a:pt x="892" y="549"/>
                  <a:pt x="930" y="582"/>
                </a:cubicBezTo>
                <a:cubicBezTo>
                  <a:pt x="869" y="574"/>
                  <a:pt x="812" y="552"/>
                  <a:pt x="765" y="514"/>
                </a:cubicBezTo>
                <a:moveTo>
                  <a:pt x="971" y="158"/>
                </a:moveTo>
                <a:cubicBezTo>
                  <a:pt x="971" y="280"/>
                  <a:pt x="971" y="280"/>
                  <a:pt x="971" y="280"/>
                </a:cubicBezTo>
                <a:cubicBezTo>
                  <a:pt x="1104" y="280"/>
                  <a:pt x="1104" y="280"/>
                  <a:pt x="1104" y="280"/>
                </a:cubicBezTo>
                <a:cubicBezTo>
                  <a:pt x="1104" y="231"/>
                  <a:pt x="1092" y="184"/>
                  <a:pt x="1071" y="139"/>
                </a:cubicBezTo>
                <a:cubicBezTo>
                  <a:pt x="1039" y="150"/>
                  <a:pt x="1005" y="157"/>
                  <a:pt x="971" y="158"/>
                </a:cubicBezTo>
                <a:moveTo>
                  <a:pt x="1260" y="280"/>
                </a:moveTo>
                <a:cubicBezTo>
                  <a:pt x="1127" y="280"/>
                  <a:pt x="1127" y="280"/>
                  <a:pt x="1127" y="280"/>
                </a:cubicBezTo>
                <a:cubicBezTo>
                  <a:pt x="1125" y="227"/>
                  <a:pt x="1113" y="178"/>
                  <a:pt x="1092" y="131"/>
                </a:cubicBezTo>
                <a:cubicBezTo>
                  <a:pt x="1120" y="118"/>
                  <a:pt x="1147" y="102"/>
                  <a:pt x="1171" y="82"/>
                </a:cubicBezTo>
                <a:cubicBezTo>
                  <a:pt x="1228" y="138"/>
                  <a:pt x="1257" y="207"/>
                  <a:pt x="1260" y="280"/>
                </a:cubicBezTo>
                <a:moveTo>
                  <a:pt x="1154" y="67"/>
                </a:moveTo>
                <a:cubicBezTo>
                  <a:pt x="1133" y="86"/>
                  <a:pt x="1107" y="103"/>
                  <a:pt x="1081" y="113"/>
                </a:cubicBezTo>
                <a:cubicBezTo>
                  <a:pt x="1057" y="68"/>
                  <a:pt x="1028" y="33"/>
                  <a:pt x="990" y="0"/>
                </a:cubicBezTo>
                <a:cubicBezTo>
                  <a:pt x="1051" y="7"/>
                  <a:pt x="1107" y="30"/>
                  <a:pt x="1154" y="67"/>
                </a:cubicBezTo>
                <a:moveTo>
                  <a:pt x="950" y="158"/>
                </a:moveTo>
                <a:cubicBezTo>
                  <a:pt x="950" y="280"/>
                  <a:pt x="950" y="280"/>
                  <a:pt x="950" y="280"/>
                </a:cubicBezTo>
                <a:cubicBezTo>
                  <a:pt x="816" y="280"/>
                  <a:pt x="816" y="280"/>
                  <a:pt x="816" y="280"/>
                </a:cubicBezTo>
                <a:cubicBezTo>
                  <a:pt x="817" y="232"/>
                  <a:pt x="828" y="183"/>
                  <a:pt x="849" y="139"/>
                </a:cubicBezTo>
                <a:cubicBezTo>
                  <a:pt x="881" y="150"/>
                  <a:pt x="915" y="157"/>
                  <a:pt x="950" y="158"/>
                </a:cubicBezTo>
                <a:moveTo>
                  <a:pt x="660" y="280"/>
                </a:moveTo>
                <a:cubicBezTo>
                  <a:pt x="793" y="280"/>
                  <a:pt x="793" y="280"/>
                  <a:pt x="793" y="280"/>
                </a:cubicBezTo>
                <a:cubicBezTo>
                  <a:pt x="796" y="227"/>
                  <a:pt x="808" y="179"/>
                  <a:pt x="829" y="131"/>
                </a:cubicBezTo>
                <a:cubicBezTo>
                  <a:pt x="800" y="118"/>
                  <a:pt x="774" y="103"/>
                  <a:pt x="749" y="82"/>
                </a:cubicBezTo>
                <a:cubicBezTo>
                  <a:pt x="694" y="136"/>
                  <a:pt x="664" y="205"/>
                  <a:pt x="660" y="280"/>
                </a:cubicBezTo>
                <a:moveTo>
                  <a:pt x="765" y="67"/>
                </a:moveTo>
                <a:cubicBezTo>
                  <a:pt x="788" y="86"/>
                  <a:pt x="812" y="103"/>
                  <a:pt x="839" y="113"/>
                </a:cubicBezTo>
                <a:cubicBezTo>
                  <a:pt x="862" y="69"/>
                  <a:pt x="893" y="32"/>
                  <a:pt x="930" y="0"/>
                </a:cubicBezTo>
                <a:cubicBezTo>
                  <a:pt x="869" y="7"/>
                  <a:pt x="813" y="30"/>
                  <a:pt x="765" y="67"/>
                </a:cubicBezTo>
                <a:moveTo>
                  <a:pt x="0" y="388"/>
                </a:moveTo>
                <a:cubicBezTo>
                  <a:pt x="600" y="388"/>
                  <a:pt x="600" y="388"/>
                  <a:pt x="600" y="388"/>
                </a:cubicBezTo>
                <a:cubicBezTo>
                  <a:pt x="622" y="495"/>
                  <a:pt x="698" y="584"/>
                  <a:pt x="849" y="646"/>
                </a:cubicBezTo>
                <a:cubicBezTo>
                  <a:pt x="832" y="697"/>
                  <a:pt x="773" y="744"/>
                  <a:pt x="712" y="744"/>
                </a:cubicBezTo>
                <a:cubicBezTo>
                  <a:pt x="387" y="744"/>
                  <a:pt x="387" y="744"/>
                  <a:pt x="387" y="744"/>
                </a:cubicBezTo>
                <a:cubicBezTo>
                  <a:pt x="337" y="744"/>
                  <a:pt x="298" y="703"/>
                  <a:pt x="282" y="671"/>
                </a:cubicBezTo>
                <a:cubicBezTo>
                  <a:pt x="613" y="671"/>
                  <a:pt x="613" y="671"/>
                  <a:pt x="613" y="671"/>
                </a:cubicBezTo>
                <a:cubicBezTo>
                  <a:pt x="633" y="668"/>
                  <a:pt x="634" y="652"/>
                  <a:pt x="614" y="650"/>
                </a:cubicBezTo>
                <a:cubicBezTo>
                  <a:pt x="289" y="650"/>
                  <a:pt x="289" y="650"/>
                  <a:pt x="289" y="650"/>
                </a:cubicBezTo>
                <a:cubicBezTo>
                  <a:pt x="247" y="650"/>
                  <a:pt x="209" y="615"/>
                  <a:pt x="187" y="577"/>
                </a:cubicBezTo>
                <a:cubicBezTo>
                  <a:pt x="565" y="577"/>
                  <a:pt x="565" y="577"/>
                  <a:pt x="565" y="577"/>
                </a:cubicBezTo>
                <a:cubicBezTo>
                  <a:pt x="584" y="574"/>
                  <a:pt x="584" y="558"/>
                  <a:pt x="565" y="556"/>
                </a:cubicBezTo>
                <a:cubicBezTo>
                  <a:pt x="184" y="556"/>
                  <a:pt x="184" y="556"/>
                  <a:pt x="184" y="556"/>
                </a:cubicBezTo>
                <a:cubicBezTo>
                  <a:pt x="146" y="556"/>
                  <a:pt x="111" y="512"/>
                  <a:pt x="96" y="483"/>
                </a:cubicBezTo>
                <a:cubicBezTo>
                  <a:pt x="515" y="483"/>
                  <a:pt x="515" y="483"/>
                  <a:pt x="515" y="483"/>
                </a:cubicBezTo>
                <a:cubicBezTo>
                  <a:pt x="536" y="480"/>
                  <a:pt x="536" y="461"/>
                  <a:pt x="515" y="460"/>
                </a:cubicBezTo>
                <a:cubicBezTo>
                  <a:pt x="89" y="460"/>
                  <a:pt x="89" y="460"/>
                  <a:pt x="89" y="460"/>
                </a:cubicBezTo>
                <a:cubicBezTo>
                  <a:pt x="55" y="460"/>
                  <a:pt x="23" y="425"/>
                  <a:pt x="0" y="388"/>
                </a:cubicBezTo>
                <a:moveTo>
                  <a:pt x="1920" y="388"/>
                </a:moveTo>
                <a:cubicBezTo>
                  <a:pt x="1320" y="388"/>
                  <a:pt x="1320" y="388"/>
                  <a:pt x="1320" y="388"/>
                </a:cubicBezTo>
                <a:cubicBezTo>
                  <a:pt x="1298" y="495"/>
                  <a:pt x="1222" y="584"/>
                  <a:pt x="1071" y="646"/>
                </a:cubicBezTo>
                <a:cubicBezTo>
                  <a:pt x="1088" y="697"/>
                  <a:pt x="1147" y="744"/>
                  <a:pt x="1208" y="744"/>
                </a:cubicBezTo>
                <a:cubicBezTo>
                  <a:pt x="1533" y="744"/>
                  <a:pt x="1533" y="744"/>
                  <a:pt x="1533" y="744"/>
                </a:cubicBezTo>
                <a:cubicBezTo>
                  <a:pt x="1583" y="744"/>
                  <a:pt x="1622" y="703"/>
                  <a:pt x="1638" y="671"/>
                </a:cubicBezTo>
                <a:cubicBezTo>
                  <a:pt x="1307" y="671"/>
                  <a:pt x="1307" y="671"/>
                  <a:pt x="1307" y="671"/>
                </a:cubicBezTo>
                <a:cubicBezTo>
                  <a:pt x="1287" y="668"/>
                  <a:pt x="1286" y="652"/>
                  <a:pt x="1306" y="650"/>
                </a:cubicBezTo>
                <a:cubicBezTo>
                  <a:pt x="1631" y="650"/>
                  <a:pt x="1631" y="650"/>
                  <a:pt x="1631" y="650"/>
                </a:cubicBezTo>
                <a:cubicBezTo>
                  <a:pt x="1673" y="650"/>
                  <a:pt x="1711" y="615"/>
                  <a:pt x="1733" y="577"/>
                </a:cubicBezTo>
                <a:cubicBezTo>
                  <a:pt x="1355" y="577"/>
                  <a:pt x="1355" y="577"/>
                  <a:pt x="1355" y="577"/>
                </a:cubicBezTo>
                <a:cubicBezTo>
                  <a:pt x="1336" y="574"/>
                  <a:pt x="1336" y="558"/>
                  <a:pt x="1355" y="556"/>
                </a:cubicBezTo>
                <a:cubicBezTo>
                  <a:pt x="1736" y="556"/>
                  <a:pt x="1736" y="556"/>
                  <a:pt x="1736" y="556"/>
                </a:cubicBezTo>
                <a:cubicBezTo>
                  <a:pt x="1774" y="556"/>
                  <a:pt x="1809" y="512"/>
                  <a:pt x="1824" y="483"/>
                </a:cubicBezTo>
                <a:cubicBezTo>
                  <a:pt x="1405" y="483"/>
                  <a:pt x="1405" y="483"/>
                  <a:pt x="1405" y="483"/>
                </a:cubicBezTo>
                <a:cubicBezTo>
                  <a:pt x="1384" y="480"/>
                  <a:pt x="1384" y="461"/>
                  <a:pt x="1405" y="460"/>
                </a:cubicBezTo>
                <a:cubicBezTo>
                  <a:pt x="1831" y="460"/>
                  <a:pt x="1831" y="460"/>
                  <a:pt x="1831" y="460"/>
                </a:cubicBezTo>
                <a:cubicBezTo>
                  <a:pt x="1865" y="460"/>
                  <a:pt x="1897" y="425"/>
                  <a:pt x="1920" y="388"/>
                </a:cubicBezTo>
                <a:moveTo>
                  <a:pt x="1245" y="1200"/>
                </a:moveTo>
                <a:cubicBezTo>
                  <a:pt x="1437" y="819"/>
                  <a:pt x="1437" y="819"/>
                  <a:pt x="1437" y="819"/>
                </a:cubicBezTo>
                <a:cubicBezTo>
                  <a:pt x="1563" y="819"/>
                  <a:pt x="1563" y="819"/>
                  <a:pt x="1563" y="819"/>
                </a:cubicBezTo>
                <a:cubicBezTo>
                  <a:pt x="1643" y="1200"/>
                  <a:pt x="1643" y="1200"/>
                  <a:pt x="1643" y="1200"/>
                </a:cubicBezTo>
                <a:cubicBezTo>
                  <a:pt x="1523" y="1200"/>
                  <a:pt x="1523" y="1200"/>
                  <a:pt x="1523" y="1200"/>
                </a:cubicBezTo>
                <a:cubicBezTo>
                  <a:pt x="1518" y="1155"/>
                  <a:pt x="1518" y="1155"/>
                  <a:pt x="1518" y="1155"/>
                </a:cubicBezTo>
                <a:cubicBezTo>
                  <a:pt x="1392" y="1155"/>
                  <a:pt x="1392" y="1155"/>
                  <a:pt x="1392" y="1155"/>
                </a:cubicBezTo>
                <a:cubicBezTo>
                  <a:pt x="1371" y="1200"/>
                  <a:pt x="1371" y="1200"/>
                  <a:pt x="1371" y="1200"/>
                </a:cubicBezTo>
                <a:lnTo>
                  <a:pt x="1245" y="1200"/>
                </a:lnTo>
                <a:close/>
                <a:moveTo>
                  <a:pt x="1423" y="1075"/>
                </a:moveTo>
                <a:cubicBezTo>
                  <a:pt x="1504" y="1075"/>
                  <a:pt x="1504" y="1075"/>
                  <a:pt x="1504" y="1075"/>
                </a:cubicBezTo>
                <a:cubicBezTo>
                  <a:pt x="1483" y="936"/>
                  <a:pt x="1483" y="936"/>
                  <a:pt x="1483" y="936"/>
                </a:cubicBezTo>
                <a:lnTo>
                  <a:pt x="1423" y="1075"/>
                </a:lnTo>
                <a:close/>
                <a:moveTo>
                  <a:pt x="994" y="1200"/>
                </a:moveTo>
                <a:cubicBezTo>
                  <a:pt x="1038" y="914"/>
                  <a:pt x="1038" y="914"/>
                  <a:pt x="1038" y="914"/>
                </a:cubicBezTo>
                <a:cubicBezTo>
                  <a:pt x="927" y="914"/>
                  <a:pt x="927" y="914"/>
                  <a:pt x="927" y="914"/>
                </a:cubicBezTo>
                <a:cubicBezTo>
                  <a:pt x="946" y="817"/>
                  <a:pt x="946" y="817"/>
                  <a:pt x="946" y="817"/>
                </a:cubicBezTo>
                <a:cubicBezTo>
                  <a:pt x="1289" y="817"/>
                  <a:pt x="1289" y="817"/>
                  <a:pt x="1289" y="817"/>
                </a:cubicBezTo>
                <a:cubicBezTo>
                  <a:pt x="1269" y="914"/>
                  <a:pt x="1269" y="914"/>
                  <a:pt x="1269" y="914"/>
                </a:cubicBezTo>
                <a:cubicBezTo>
                  <a:pt x="1163" y="914"/>
                  <a:pt x="1163" y="914"/>
                  <a:pt x="1163" y="914"/>
                </a:cubicBezTo>
                <a:cubicBezTo>
                  <a:pt x="1120" y="1200"/>
                  <a:pt x="1120" y="1200"/>
                  <a:pt x="1120" y="1200"/>
                </a:cubicBezTo>
                <a:lnTo>
                  <a:pt x="994" y="1200"/>
                </a:lnTo>
                <a:close/>
                <a:moveTo>
                  <a:pt x="479" y="1200"/>
                </a:moveTo>
                <a:cubicBezTo>
                  <a:pt x="672" y="819"/>
                  <a:pt x="672" y="819"/>
                  <a:pt x="672" y="819"/>
                </a:cubicBezTo>
                <a:cubicBezTo>
                  <a:pt x="798" y="819"/>
                  <a:pt x="798" y="819"/>
                  <a:pt x="798" y="819"/>
                </a:cubicBezTo>
                <a:cubicBezTo>
                  <a:pt x="877" y="1200"/>
                  <a:pt x="877" y="1200"/>
                  <a:pt x="877" y="1200"/>
                </a:cubicBezTo>
                <a:cubicBezTo>
                  <a:pt x="759" y="1200"/>
                  <a:pt x="759" y="1200"/>
                  <a:pt x="759" y="1200"/>
                </a:cubicBezTo>
                <a:cubicBezTo>
                  <a:pt x="752" y="1155"/>
                  <a:pt x="752" y="1155"/>
                  <a:pt x="752" y="1155"/>
                </a:cubicBezTo>
                <a:cubicBezTo>
                  <a:pt x="626" y="1155"/>
                  <a:pt x="626" y="1155"/>
                  <a:pt x="626" y="1155"/>
                </a:cubicBezTo>
                <a:cubicBezTo>
                  <a:pt x="606" y="1200"/>
                  <a:pt x="606" y="1200"/>
                  <a:pt x="606" y="1200"/>
                </a:cubicBezTo>
                <a:lnTo>
                  <a:pt x="479" y="1200"/>
                </a:lnTo>
                <a:close/>
                <a:moveTo>
                  <a:pt x="657" y="1075"/>
                </a:moveTo>
                <a:cubicBezTo>
                  <a:pt x="739" y="1075"/>
                  <a:pt x="739" y="1075"/>
                  <a:pt x="739" y="1075"/>
                </a:cubicBezTo>
                <a:cubicBezTo>
                  <a:pt x="717" y="936"/>
                  <a:pt x="717" y="936"/>
                  <a:pt x="717" y="936"/>
                </a:cubicBezTo>
                <a:lnTo>
                  <a:pt x="657" y="1075"/>
                </a:lnTo>
                <a:close/>
                <a:moveTo>
                  <a:pt x="273" y="1200"/>
                </a:moveTo>
                <a:cubicBezTo>
                  <a:pt x="351" y="819"/>
                  <a:pt x="351" y="819"/>
                  <a:pt x="351" y="819"/>
                </a:cubicBezTo>
                <a:cubicBezTo>
                  <a:pt x="479" y="819"/>
                  <a:pt x="479" y="819"/>
                  <a:pt x="479" y="819"/>
                </a:cubicBezTo>
                <a:cubicBezTo>
                  <a:pt x="401" y="1200"/>
                  <a:pt x="401" y="1200"/>
                  <a:pt x="401" y="1200"/>
                </a:cubicBezTo>
                <a:lnTo>
                  <a:pt x="273" y="1200"/>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a:p>
        </p:txBody>
      </p:sp>
    </p:spTree>
    <p:extLst>
      <p:ext uri="{BB962C8B-B14F-4D97-AF65-F5344CB8AC3E}">
        <p14:creationId xmlns:p14="http://schemas.microsoft.com/office/powerpoint/2010/main" val="1385032949"/>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685799" y="0"/>
            <a:ext cx="3480956" cy="458788"/>
          </a:xfrm>
          <a:prstGeom prst="rect">
            <a:avLst/>
          </a:prstGeom>
        </p:spPr>
        <p:txBody>
          <a:bodyPr vert="horz" lIns="91440" tIns="45720" rIns="91440" bIns="45720" rtlCol="0" anchor="b" anchorCtr="0"/>
          <a:lstStyle>
            <a:lvl1pPr algn="l">
              <a:defRPr sz="1000"/>
            </a:lvl1pPr>
          </a:lstStyle>
          <a:p>
            <a:endParaRPr lang="en-US" dirty="0"/>
          </a:p>
        </p:txBody>
      </p:sp>
      <p:sp>
        <p:nvSpPr>
          <p:cNvPr id="3" name="Date Placeholder 2"/>
          <p:cNvSpPr>
            <a:spLocks noGrp="1"/>
          </p:cNvSpPr>
          <p:nvPr>
            <p:ph type="dt" idx="1"/>
          </p:nvPr>
        </p:nvSpPr>
        <p:spPr>
          <a:xfrm>
            <a:off x="4478482" y="0"/>
            <a:ext cx="1692131" cy="458788"/>
          </a:xfrm>
          <a:prstGeom prst="rect">
            <a:avLst/>
          </a:prstGeom>
        </p:spPr>
        <p:txBody>
          <a:bodyPr vert="horz" lIns="91440" tIns="45720" rIns="91440" bIns="45720" rtlCol="0" anchor="b" anchorCtr="0"/>
          <a:lstStyle>
            <a:lvl1pPr algn="r">
              <a:defRPr sz="1000"/>
            </a:lvl1pPr>
          </a:lstStyle>
          <a:p>
            <a:fld id="{E79CEAD0-6B03-44FC-A844-68ECB8F6C6E8}" type="datetimeFigureOut">
              <a:rPr lang="en-US" smtClean="0"/>
              <a:pPr/>
              <a:t>11/8/2023</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0" tIns="0" rIns="0" bIns="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1485900" y="8685213"/>
            <a:ext cx="4686300" cy="458787"/>
          </a:xfrm>
          <a:prstGeom prst="rect">
            <a:avLst/>
          </a:prstGeom>
        </p:spPr>
        <p:txBody>
          <a:bodyPr vert="horz" lIns="91440" tIns="45720" rIns="91440" bIns="45720" rtlCol="0" anchor="t" anchorCtr="0"/>
          <a:lstStyle>
            <a:lvl1pPr algn="l">
              <a:defRPr sz="1000"/>
            </a:lvl1pPr>
          </a:lstStyle>
          <a:p>
            <a:endParaRPr lang="en-US"/>
          </a:p>
        </p:txBody>
      </p:sp>
      <p:sp>
        <p:nvSpPr>
          <p:cNvPr id="7" name="Slide Number Placeholder 6"/>
          <p:cNvSpPr>
            <a:spLocks noGrp="1"/>
          </p:cNvSpPr>
          <p:nvPr>
            <p:ph type="sldNum" sz="quarter" idx="5"/>
          </p:nvPr>
        </p:nvSpPr>
        <p:spPr>
          <a:xfrm>
            <a:off x="685800" y="8685213"/>
            <a:ext cx="521132" cy="458787"/>
          </a:xfrm>
          <a:prstGeom prst="rect">
            <a:avLst/>
          </a:prstGeom>
        </p:spPr>
        <p:txBody>
          <a:bodyPr vert="horz" lIns="91440" tIns="45720" rIns="91440" bIns="45720" rtlCol="0" anchor="t" anchorCtr="0"/>
          <a:lstStyle>
            <a:lvl1pPr algn="l">
              <a:defRPr sz="1000"/>
            </a:lvl1pPr>
          </a:lstStyle>
          <a:p>
            <a:fld id="{F17EFD21-3E0D-4ED5-96F2-31052EE08DB7}" type="slidenum">
              <a:rPr lang="en-US" smtClean="0"/>
              <a:pPr/>
              <a:t>‹#›</a:t>
            </a:fld>
            <a:endParaRPr lang="en-US"/>
          </a:p>
        </p:txBody>
      </p:sp>
    </p:spTree>
    <p:extLst>
      <p:ext uri="{BB962C8B-B14F-4D97-AF65-F5344CB8AC3E}">
        <p14:creationId xmlns:p14="http://schemas.microsoft.com/office/powerpoint/2010/main" val="517517962"/>
      </p:ext>
    </p:extLst>
  </p:cSld>
  <p:clrMap bg1="lt1" tx1="dk1" bg2="lt2" tx2="dk2" accent1="accent1" accent2="accent2" accent3="accent3" accent4="accent4" accent5="accent5" accent6="accent6" hlink="hlink" folHlink="folHlink"/>
  <p:notesStyle>
    <a:lvl1pPr marL="0" indent="0" algn="l" defTabSz="914400" rtl="0" eaLnBrk="1" latinLnBrk="0" hangingPunct="1">
      <a:spcAft>
        <a:spcPts val="300"/>
      </a:spcAft>
      <a:buFont typeface="Arial" panose="020B0604020202020204" pitchFamily="34" charset="0"/>
      <a:buNone/>
      <a:defRPr sz="1100" kern="1200">
        <a:solidFill>
          <a:schemeClr val="tx1"/>
        </a:solidFill>
        <a:latin typeface="+mj-lt"/>
        <a:ea typeface="+mn-ea"/>
        <a:cs typeface="+mn-cs"/>
      </a:defRPr>
    </a:lvl1pPr>
    <a:lvl2pPr marL="341313" indent="-168275" algn="l" defTabSz="914400" rtl="0" eaLnBrk="1" latinLnBrk="0" hangingPunct="1">
      <a:buFont typeface="Aktiv Grotesk" panose="020B0504020202020204" pitchFamily="34" charset="0"/>
      <a:buChar char="•"/>
      <a:defRPr sz="1100" kern="1200">
        <a:solidFill>
          <a:schemeClr val="tx1"/>
        </a:solidFill>
        <a:latin typeface="+mn-lt"/>
        <a:ea typeface="+mn-ea"/>
        <a:cs typeface="+mn-cs"/>
      </a:defRPr>
    </a:lvl2pPr>
    <a:lvl3pPr marL="514350" indent="-171450" algn="l" defTabSz="914400" rtl="0" eaLnBrk="1" latinLnBrk="0" hangingPunct="1">
      <a:buFont typeface="Aktiv Grotesk" panose="020B0504020202020204" pitchFamily="34" charset="0"/>
      <a:buChar char="−"/>
      <a:defRPr sz="1100" kern="1200">
        <a:solidFill>
          <a:schemeClr val="tx1"/>
        </a:solidFill>
        <a:latin typeface="+mn-lt"/>
        <a:ea typeface="+mn-ea"/>
        <a:cs typeface="+mn-cs"/>
      </a:defRPr>
    </a:lvl3pPr>
    <a:lvl4pPr marL="628650" indent="-171450" algn="l" defTabSz="914400" rtl="0" eaLnBrk="1" latinLnBrk="0" hangingPunct="1">
      <a:buFont typeface="Aktiv Grotesk" panose="020B0504020202020204" pitchFamily="34" charset="0"/>
      <a:buChar char="▪"/>
      <a:defRPr sz="1100" kern="1200">
        <a:solidFill>
          <a:schemeClr val="tx1"/>
        </a:solidFill>
        <a:latin typeface="+mn-lt"/>
        <a:ea typeface="+mn-ea"/>
        <a:cs typeface="+mn-cs"/>
      </a:defRPr>
    </a:lvl4pPr>
    <a:lvl5pPr marL="0" indent="0" algn="l" defTabSz="914400" rtl="0" eaLnBrk="1" latinLnBrk="0" hangingPunct="1">
      <a:defRPr sz="1100" kern="1200">
        <a:solidFill>
          <a:srgbClr val="1E32FA"/>
        </a:solidFill>
        <a:latin typeface="+mj-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F17EFD21-3E0D-4ED5-96F2-31052EE08DB7}" type="slidenum">
              <a:rPr lang="en-US" smtClean="0"/>
              <a:pPr/>
              <a:t>1</a:t>
            </a:fld>
            <a:endParaRPr lang="en-US" dirty="0"/>
          </a:p>
        </p:txBody>
      </p:sp>
    </p:spTree>
    <p:extLst>
      <p:ext uri="{BB962C8B-B14F-4D97-AF65-F5344CB8AC3E}">
        <p14:creationId xmlns:p14="http://schemas.microsoft.com/office/powerpoint/2010/main" val="367879834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s-ES" dirty="0"/>
              <a:t>Algunos países han comenzado a legislar mandatos para el contenido mínimo de SAF en el combustible de aviación, obligando a los proveedores de combustible a suministrar mezclas de SAF que cumplan con ASTM D7566 (que luego pueden volver a certificarse como ASTM 1655, DEF STAN 91-091 o equivalente).</a:t>
            </a:r>
          </a:p>
          <a:p>
            <a:endParaRPr lang="es-ES" dirty="0"/>
          </a:p>
          <a:p>
            <a:r>
              <a:rPr lang="es-ES" dirty="0"/>
              <a:t>En la actualidad, la infraestructura de la cadena de suministro global para SAF es extremadamente limitada, ya que SAF solo se ha utilizado en mezclas de bajo volumen en aviones comerciales y en mezclas más altas en vuelos limitados de demostración/investigación. El análisis de modelado de flota de ATI muestra que, si SAF pudiera ampliarse para satisfacer plenamente la demanda de la aviación para 2050, entre el 20% y el 30% de la flota activa para entonces aún no sería compatible con 100% SAF (suponiendo que los fabricantes comiencen a entregar todos los aviones compatibles con 100% SAF). después de 2030).</a:t>
            </a:r>
          </a:p>
          <a:p>
            <a:endParaRPr lang="es-ES" dirty="0"/>
          </a:p>
          <a:p>
            <a:r>
              <a:rPr lang="es-ES" dirty="0"/>
              <a:t>Por estas razones, es probable que el desarrollo de la cadena de suministro se centre principalmente en mezclas de SAF que puedan utilizar la misma infraestructura que CAF, seguido de la transición a vuelos 100% SAF una vez que los combustibles estén certificados y todos los aviones sean totalmente compatibles con el combustible.</a:t>
            </a:r>
            <a:endParaRPr lang="en-US" dirty="0"/>
          </a:p>
        </p:txBody>
      </p:sp>
      <p:sp>
        <p:nvSpPr>
          <p:cNvPr id="4" name="Slide Number Placeholder 3"/>
          <p:cNvSpPr>
            <a:spLocks noGrp="1"/>
          </p:cNvSpPr>
          <p:nvPr>
            <p:ph type="sldNum" sz="quarter" idx="5"/>
          </p:nvPr>
        </p:nvSpPr>
        <p:spPr/>
        <p:txBody>
          <a:bodyPr/>
          <a:lstStyle/>
          <a:p>
            <a:fld id="{F17EFD21-3E0D-4ED5-96F2-31052EE08DB7}" type="slidenum">
              <a:rPr lang="en-US" smtClean="0"/>
              <a:pPr/>
              <a:t>3</a:t>
            </a:fld>
            <a:endParaRPr lang="en-US"/>
          </a:p>
        </p:txBody>
      </p:sp>
    </p:spTree>
    <p:extLst>
      <p:ext uri="{BB962C8B-B14F-4D97-AF65-F5344CB8AC3E}">
        <p14:creationId xmlns:p14="http://schemas.microsoft.com/office/powerpoint/2010/main" val="528069606"/>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err="1"/>
              <a:t>Eficiencias</a:t>
            </a:r>
            <a:r>
              <a:rPr lang="en-US" dirty="0"/>
              <a:t> en al </a:t>
            </a:r>
            <a:r>
              <a:rPr lang="en-US" dirty="0" err="1"/>
              <a:t>cadena</a:t>
            </a:r>
            <a:r>
              <a:rPr lang="en-US" dirty="0"/>
              <a:t> de </a:t>
            </a:r>
            <a:r>
              <a:rPr lang="en-US" dirty="0" err="1"/>
              <a:t>suministro</a:t>
            </a:r>
            <a:r>
              <a:rPr lang="en-US" dirty="0"/>
              <a:t> </a:t>
            </a:r>
            <a:r>
              <a:rPr lang="en-US" dirty="0" err="1"/>
              <a:t>permitirán</a:t>
            </a:r>
            <a:r>
              <a:rPr lang="en-US" dirty="0"/>
              <a:t> </a:t>
            </a:r>
            <a:r>
              <a:rPr lang="en-US" dirty="0" err="1"/>
              <a:t>mantener</a:t>
            </a:r>
            <a:r>
              <a:rPr lang="en-US" dirty="0"/>
              <a:t> </a:t>
            </a:r>
            <a:r>
              <a:rPr lang="en-US" dirty="0" err="1"/>
              <a:t>el</a:t>
            </a:r>
            <a:r>
              <a:rPr lang="en-US" dirty="0"/>
              <a:t> </a:t>
            </a:r>
            <a:r>
              <a:rPr lang="en-US" dirty="0" err="1"/>
              <a:t>costo</a:t>
            </a:r>
            <a:r>
              <a:rPr lang="en-US" dirty="0"/>
              <a:t> de </a:t>
            </a:r>
            <a:r>
              <a:rPr lang="en-US" dirty="0" err="1"/>
              <a:t>los</a:t>
            </a:r>
            <a:r>
              <a:rPr lang="en-US" dirty="0"/>
              <a:t> SAF a </a:t>
            </a:r>
            <a:r>
              <a:rPr lang="en-US" dirty="0" err="1"/>
              <a:t>los</a:t>
            </a:r>
            <a:r>
              <a:rPr lang="en-US" dirty="0"/>
              <a:t> </a:t>
            </a:r>
            <a:r>
              <a:rPr lang="en-US" dirty="0" err="1"/>
              <a:t>precios</a:t>
            </a:r>
            <a:r>
              <a:rPr lang="en-US" dirty="0"/>
              <a:t> mas </a:t>
            </a:r>
            <a:r>
              <a:rPr lang="en-US" dirty="0" err="1"/>
              <a:t>bajos</a:t>
            </a:r>
            <a:r>
              <a:rPr lang="en-US" dirty="0"/>
              <a:t> </a:t>
            </a:r>
            <a:r>
              <a:rPr lang="en-US" dirty="0" err="1"/>
              <a:t>posibles</a:t>
            </a:r>
            <a:r>
              <a:rPr lang="en-US" dirty="0"/>
              <a:t>, lo que </a:t>
            </a:r>
            <a:r>
              <a:rPr lang="en-US" dirty="0" err="1"/>
              <a:t>permitirá</a:t>
            </a:r>
            <a:r>
              <a:rPr lang="en-US" dirty="0"/>
              <a:t> que la </a:t>
            </a:r>
            <a:r>
              <a:rPr lang="en-US" dirty="0" err="1"/>
              <a:t>industria</a:t>
            </a:r>
            <a:r>
              <a:rPr lang="en-US" dirty="0"/>
              <a:t> </a:t>
            </a:r>
            <a:r>
              <a:rPr lang="en-US" dirty="0" err="1"/>
              <a:t>avance</a:t>
            </a:r>
            <a:r>
              <a:rPr lang="en-US" dirty="0"/>
              <a:t> en </a:t>
            </a:r>
            <a:r>
              <a:rPr lang="en-US" dirty="0" err="1"/>
              <a:t>su</a:t>
            </a:r>
            <a:r>
              <a:rPr lang="en-US" dirty="0"/>
              <a:t> meta de </a:t>
            </a:r>
            <a:r>
              <a:rPr lang="en-US" dirty="0" err="1"/>
              <a:t>descarbonización</a:t>
            </a:r>
            <a:r>
              <a:rPr lang="en-US" dirty="0"/>
              <a:t> al 2050 </a:t>
            </a:r>
            <a:r>
              <a:rPr lang="en-US" dirty="0" err="1"/>
              <a:t>mientras</a:t>
            </a:r>
            <a:r>
              <a:rPr lang="en-US" dirty="0"/>
              <a:t> </a:t>
            </a:r>
            <a:r>
              <a:rPr lang="en-US" dirty="0" err="1"/>
              <a:t>sigue</a:t>
            </a:r>
            <a:r>
              <a:rPr lang="en-US" dirty="0"/>
              <a:t> </a:t>
            </a:r>
            <a:r>
              <a:rPr lang="en-US" dirty="0" err="1"/>
              <a:t>brindando</a:t>
            </a:r>
            <a:r>
              <a:rPr lang="en-US" dirty="0"/>
              <a:t> </a:t>
            </a:r>
            <a:r>
              <a:rPr lang="en-US" dirty="0" err="1"/>
              <a:t>los</a:t>
            </a:r>
            <a:r>
              <a:rPr lang="en-US" dirty="0"/>
              <a:t> </a:t>
            </a:r>
            <a:r>
              <a:rPr lang="en-US" dirty="0" err="1"/>
              <a:t>beneficios</a:t>
            </a:r>
            <a:r>
              <a:rPr lang="en-US" dirty="0"/>
              <a:t> de </a:t>
            </a:r>
            <a:r>
              <a:rPr lang="en-US" dirty="0" err="1"/>
              <a:t>conectividad</a:t>
            </a:r>
            <a:r>
              <a:rPr lang="en-US" dirty="0"/>
              <a:t> y </a:t>
            </a:r>
            <a:r>
              <a:rPr lang="en-US" dirty="0" err="1"/>
              <a:t>competitividad</a:t>
            </a:r>
            <a:r>
              <a:rPr lang="en-US" dirty="0"/>
              <a:t> para las </a:t>
            </a:r>
            <a:r>
              <a:rPr lang="en-US" dirty="0" err="1"/>
              <a:t>generaciones</a:t>
            </a:r>
            <a:r>
              <a:rPr lang="en-US" dirty="0"/>
              <a:t> </a:t>
            </a:r>
            <a:r>
              <a:rPr lang="en-US" dirty="0" err="1"/>
              <a:t>futuras</a:t>
            </a:r>
            <a:r>
              <a:rPr lang="en-US" dirty="0"/>
              <a:t>.</a:t>
            </a:r>
          </a:p>
        </p:txBody>
      </p:sp>
      <p:sp>
        <p:nvSpPr>
          <p:cNvPr id="4" name="Slide Number Placeholder 3"/>
          <p:cNvSpPr>
            <a:spLocks noGrp="1"/>
          </p:cNvSpPr>
          <p:nvPr>
            <p:ph type="sldNum" sz="quarter" idx="5"/>
          </p:nvPr>
        </p:nvSpPr>
        <p:spPr/>
        <p:txBody>
          <a:bodyPr/>
          <a:lstStyle/>
          <a:p>
            <a:fld id="{F17EFD21-3E0D-4ED5-96F2-31052EE08DB7}" type="slidenum">
              <a:rPr lang="en-US" smtClean="0"/>
              <a:pPr/>
              <a:t>4</a:t>
            </a:fld>
            <a:endParaRPr lang="en-US"/>
          </a:p>
        </p:txBody>
      </p:sp>
    </p:spTree>
    <p:extLst>
      <p:ext uri="{BB962C8B-B14F-4D97-AF65-F5344CB8AC3E}">
        <p14:creationId xmlns:p14="http://schemas.microsoft.com/office/powerpoint/2010/main" val="17017828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s-ES" dirty="0"/>
              <a:t>Un estudio del Laboratorio Nacional de Energía Renovable de EE. UU. considera que el SAF se entregaría en un tanque especial y se verificaría su calidad y cumplimiento con la norma D7566 antes de que se produzca la mezcla. Si bien el productor puede controlar la calidad del 100% SAF, la calidad (contenido aromático, contenido de azufre, etc.) del CAF varía según su fuente. </a:t>
            </a:r>
          </a:p>
        </p:txBody>
      </p:sp>
      <p:sp>
        <p:nvSpPr>
          <p:cNvPr id="4" name="Slide Number Placeholder 3"/>
          <p:cNvSpPr>
            <a:spLocks noGrp="1"/>
          </p:cNvSpPr>
          <p:nvPr>
            <p:ph type="sldNum" sz="quarter" idx="5"/>
          </p:nvPr>
        </p:nvSpPr>
        <p:spPr/>
        <p:txBody>
          <a:bodyPr/>
          <a:lstStyle/>
          <a:p>
            <a:fld id="{F17EFD21-3E0D-4ED5-96F2-31052EE08DB7}" type="slidenum">
              <a:rPr lang="en-US" smtClean="0"/>
              <a:pPr/>
              <a:t>5</a:t>
            </a:fld>
            <a:endParaRPr lang="en-US"/>
          </a:p>
        </p:txBody>
      </p:sp>
    </p:spTree>
    <p:extLst>
      <p:ext uri="{BB962C8B-B14F-4D97-AF65-F5344CB8AC3E}">
        <p14:creationId xmlns:p14="http://schemas.microsoft.com/office/powerpoint/2010/main" val="424412711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228600" marR="0" lvl="0" indent="-228600" algn="just" defTabSz="914400" rtl="0" eaLnBrk="1" fontAlgn="auto" latinLnBrk="0" hangingPunct="1">
              <a:lnSpc>
                <a:spcPct val="100000"/>
              </a:lnSpc>
              <a:spcBef>
                <a:spcPts val="0"/>
              </a:spcBef>
              <a:spcAft>
                <a:spcPts val="1200"/>
              </a:spcAft>
              <a:buClrTx/>
              <a:buSzTx/>
              <a:buFont typeface="+mj-lt"/>
              <a:buAutoNum type="arabicPeriod"/>
              <a:tabLst/>
              <a:defRPr/>
            </a:pPr>
            <a:r>
              <a:rPr kumimoji="0" lang="es-ES" sz="1100" b="0" i="0" u="none" strike="noStrike" kern="1200" cap="none" spc="0" normalizeH="0" baseline="0" noProof="0" dirty="0">
                <a:ln>
                  <a:noFill/>
                </a:ln>
                <a:solidFill>
                  <a:prstClr val="black"/>
                </a:solidFill>
                <a:effectLst/>
                <a:uLnTx/>
                <a:uFillTx/>
                <a:latin typeface="Aktiv Grotesk"/>
                <a:ea typeface="+mn-ea"/>
                <a:cs typeface="+mn-cs"/>
              </a:rPr>
              <a:t>Las materias primas se obtienen local o regionalmente y se procesan para obtener SAF o un aceite renovable intermedio a partir del cual se fabricará el SAF.</a:t>
            </a:r>
          </a:p>
          <a:p>
            <a:pPr marL="228600" marR="0" lvl="0" indent="-228600" algn="just" defTabSz="914400" rtl="0" eaLnBrk="1" fontAlgn="auto" latinLnBrk="0" hangingPunct="1">
              <a:lnSpc>
                <a:spcPct val="100000"/>
              </a:lnSpc>
              <a:spcBef>
                <a:spcPts val="0"/>
              </a:spcBef>
              <a:spcAft>
                <a:spcPts val="1200"/>
              </a:spcAft>
              <a:buClrTx/>
              <a:buSzTx/>
              <a:buFont typeface="+mj-lt"/>
              <a:buAutoNum type="arabicPeriod"/>
              <a:tabLst/>
              <a:defRPr/>
            </a:pPr>
            <a:r>
              <a:rPr kumimoji="0" lang="es-ES" sz="1100" b="0" i="0" u="none" strike="noStrike" kern="1200" cap="none" spc="0" normalizeH="0" baseline="0" noProof="0" dirty="0">
                <a:ln>
                  <a:noFill/>
                </a:ln>
                <a:solidFill>
                  <a:prstClr val="black"/>
                </a:solidFill>
                <a:effectLst/>
                <a:uLnTx/>
                <a:uFillTx/>
                <a:latin typeface="Aktiv Grotesk"/>
                <a:ea typeface="+mn-ea"/>
                <a:cs typeface="+mn-cs"/>
              </a:rPr>
              <a:t>Si la refinería no tiene capacidad para producir SAF, el producto de paso intermedio será enviado a otra refinería para su conversión en combustible de aviación. Por ejemplo, la planta de </a:t>
            </a:r>
            <a:r>
              <a:rPr kumimoji="0" lang="es-ES" sz="1100" b="0" i="0" u="none" strike="noStrike" kern="1200" cap="none" spc="0" normalizeH="0" baseline="0" noProof="0" dirty="0" err="1">
                <a:ln>
                  <a:noFill/>
                </a:ln>
                <a:solidFill>
                  <a:prstClr val="black"/>
                </a:solidFill>
                <a:effectLst/>
                <a:uLnTx/>
                <a:uFillTx/>
                <a:latin typeface="Aktiv Grotesk"/>
                <a:ea typeface="+mn-ea"/>
                <a:cs typeface="+mn-cs"/>
              </a:rPr>
              <a:t>Neste</a:t>
            </a:r>
            <a:r>
              <a:rPr kumimoji="0" lang="es-ES" sz="1100" b="0" i="0" u="none" strike="noStrike" kern="1200" cap="none" spc="0" normalizeH="0" baseline="0" noProof="0" dirty="0">
                <a:ln>
                  <a:noFill/>
                </a:ln>
                <a:solidFill>
                  <a:prstClr val="black"/>
                </a:solidFill>
                <a:effectLst/>
                <a:uLnTx/>
                <a:uFillTx/>
                <a:latin typeface="Aktiv Grotesk"/>
                <a:ea typeface="+mn-ea"/>
                <a:cs typeface="+mn-cs"/>
              </a:rPr>
              <a:t> en </a:t>
            </a:r>
            <a:r>
              <a:rPr kumimoji="0" lang="es-ES" sz="1100" b="0" i="0" u="none" strike="noStrike" kern="1200" cap="none" spc="0" normalizeH="0" baseline="0" noProof="0" dirty="0" err="1">
                <a:ln>
                  <a:noFill/>
                </a:ln>
                <a:solidFill>
                  <a:prstClr val="black"/>
                </a:solidFill>
                <a:effectLst/>
                <a:uLnTx/>
                <a:uFillTx/>
                <a:latin typeface="Aktiv Grotesk"/>
                <a:ea typeface="+mn-ea"/>
                <a:cs typeface="+mn-cs"/>
              </a:rPr>
              <a:t>Porvoo</a:t>
            </a:r>
            <a:r>
              <a:rPr kumimoji="0" lang="es-ES" sz="1100" b="0" i="0" u="none" strike="noStrike" kern="1200" cap="none" spc="0" normalizeH="0" baseline="0" noProof="0" dirty="0">
                <a:ln>
                  <a:noFill/>
                </a:ln>
                <a:solidFill>
                  <a:prstClr val="black"/>
                </a:solidFill>
                <a:effectLst/>
                <a:uLnTx/>
                <a:uFillTx/>
                <a:latin typeface="Aktiv Grotesk"/>
                <a:ea typeface="+mn-ea"/>
                <a:cs typeface="+mn-cs"/>
              </a:rPr>
              <a:t> (Finlandia) envía un producto con propiedades similares al biodiesel a diferentes refinerías dependiendo de dónde se utilizará el SAF.</a:t>
            </a:r>
          </a:p>
          <a:p>
            <a:pPr marL="228600" marR="0" lvl="0" indent="-228600" algn="just" defTabSz="914400" rtl="0" eaLnBrk="1" fontAlgn="auto" latinLnBrk="0" hangingPunct="1">
              <a:lnSpc>
                <a:spcPct val="100000"/>
              </a:lnSpc>
              <a:spcBef>
                <a:spcPts val="0"/>
              </a:spcBef>
              <a:spcAft>
                <a:spcPts val="1200"/>
              </a:spcAft>
              <a:buClrTx/>
              <a:buSzTx/>
              <a:buFont typeface="+mj-lt"/>
              <a:buAutoNum type="arabicPeriod"/>
              <a:tabLst/>
              <a:defRPr/>
            </a:pPr>
            <a:r>
              <a:rPr kumimoji="0" lang="es-ES" sz="1100" b="0" i="0" u="none" strike="noStrike" kern="1200" cap="none" spc="0" normalizeH="0" baseline="0" noProof="0" dirty="0">
                <a:ln>
                  <a:noFill/>
                </a:ln>
                <a:solidFill>
                  <a:prstClr val="black"/>
                </a:solidFill>
                <a:effectLst/>
                <a:uLnTx/>
                <a:uFillTx/>
                <a:latin typeface="Aktiv Grotesk"/>
                <a:ea typeface="+mn-ea"/>
                <a:cs typeface="+mn-cs"/>
              </a:rPr>
              <a:t>Si la instalación productora de SAF tiene acceso a combustible para aviones convencional, este puede adquirirse para mezclarlo en el sitio. En California (EE.UU.), por ejemplo, el SAF normalmente se mezcla en una proporción del 30% en las instalaciones de producción.</a:t>
            </a:r>
          </a:p>
          <a:p>
            <a:pPr marL="228600" marR="0" lvl="0" indent="-228600" algn="just" defTabSz="914400" rtl="0" eaLnBrk="1" fontAlgn="auto" latinLnBrk="0" hangingPunct="1">
              <a:lnSpc>
                <a:spcPct val="100000"/>
              </a:lnSpc>
              <a:spcBef>
                <a:spcPts val="0"/>
              </a:spcBef>
              <a:spcAft>
                <a:spcPts val="1200"/>
              </a:spcAft>
              <a:buClrTx/>
              <a:buSzTx/>
              <a:buFont typeface="+mj-lt"/>
              <a:buAutoNum type="arabicPeriod"/>
              <a:tabLst/>
              <a:defRPr/>
            </a:pPr>
            <a:r>
              <a:rPr kumimoji="0" lang="es-ES" sz="1100" b="0" i="0" u="none" strike="noStrike" kern="1200" cap="none" spc="0" normalizeH="0" baseline="0" noProof="0" dirty="0">
                <a:ln>
                  <a:noFill/>
                </a:ln>
                <a:solidFill>
                  <a:prstClr val="black"/>
                </a:solidFill>
                <a:effectLst/>
                <a:uLnTx/>
                <a:uFillTx/>
                <a:latin typeface="Aktiv Grotesk"/>
                <a:ea typeface="+mn-ea"/>
                <a:cs typeface="+mn-cs"/>
              </a:rPr>
              <a:t> Si la instalación de producción de SAF no tiene acceso a combustible para aviones o infraestructura para mezclarlo, el SAF se transportará a una ubicación intermedia, como una terminal de combustible, donde se mezclará con combustible de aviación convencional y se almacenará.</a:t>
            </a:r>
          </a:p>
          <a:p>
            <a:pPr marL="228600" marR="0" lvl="0" indent="-228600" algn="just" defTabSz="914400" rtl="0" eaLnBrk="1" fontAlgn="auto" latinLnBrk="0" hangingPunct="1">
              <a:lnSpc>
                <a:spcPct val="100000"/>
              </a:lnSpc>
              <a:spcBef>
                <a:spcPts val="0"/>
              </a:spcBef>
              <a:spcAft>
                <a:spcPts val="1200"/>
              </a:spcAft>
              <a:buClrTx/>
              <a:buSzTx/>
              <a:buFont typeface="+mj-lt"/>
              <a:buAutoNum type="arabicPeriod"/>
              <a:tabLst/>
              <a:defRPr/>
            </a:pPr>
            <a:r>
              <a:rPr kumimoji="0" lang="es-ES" sz="1100" b="0" i="0" u="none" strike="noStrike" kern="1200" cap="none" spc="0" normalizeH="0" baseline="0" noProof="0" dirty="0">
                <a:ln>
                  <a:noFill/>
                </a:ln>
                <a:solidFill>
                  <a:prstClr val="black"/>
                </a:solidFill>
                <a:effectLst/>
                <a:uLnTx/>
                <a:uFillTx/>
                <a:latin typeface="Aktiv Grotesk"/>
                <a:ea typeface="+mn-ea"/>
                <a:cs typeface="+mn-cs"/>
              </a:rPr>
              <a:t>Luego, el SAF mezclado será transportado al aeropuerto. Es fundamental que el SAF llegue al aeropuerto ya combinado, para ahorrar costos y tiempo, y maximizar el uso de la infraestructura y la experiencia existentes.</a:t>
            </a:r>
          </a:p>
          <a:p>
            <a:pPr marL="228600" marR="0" lvl="0" indent="-228600" algn="just" defTabSz="914400" rtl="0" eaLnBrk="1" fontAlgn="auto" latinLnBrk="0" hangingPunct="1">
              <a:lnSpc>
                <a:spcPct val="100000"/>
              </a:lnSpc>
              <a:spcBef>
                <a:spcPts val="0"/>
              </a:spcBef>
              <a:spcAft>
                <a:spcPts val="1200"/>
              </a:spcAft>
              <a:buClrTx/>
              <a:buSzTx/>
              <a:buFont typeface="+mj-lt"/>
              <a:buAutoNum type="arabicPeriod"/>
              <a:tabLst/>
              <a:defRPr/>
            </a:pPr>
            <a:r>
              <a:rPr kumimoji="0" lang="es-ES" sz="1100" b="0" i="0" u="none" strike="noStrike" kern="1200" cap="none" spc="0" normalizeH="0" baseline="0" noProof="0" dirty="0">
                <a:ln>
                  <a:noFill/>
                </a:ln>
                <a:solidFill>
                  <a:prstClr val="black"/>
                </a:solidFill>
                <a:effectLst/>
                <a:uLnTx/>
                <a:uFillTx/>
                <a:latin typeface="Aktiv Grotesk"/>
                <a:ea typeface="+mn-ea"/>
                <a:cs typeface="+mn-cs"/>
              </a:rPr>
              <a:t>No se recomienda mezclar SAF y CAF en el aeropuerto.</a:t>
            </a:r>
            <a:endParaRPr kumimoji="0" lang="en-US" sz="1100" b="0" i="0" u="none" strike="noStrike" kern="1200" cap="none" spc="0" normalizeH="0" baseline="0" noProof="0" dirty="0">
              <a:ln>
                <a:noFill/>
              </a:ln>
              <a:solidFill>
                <a:prstClr val="black"/>
              </a:solidFill>
              <a:effectLst/>
              <a:uLnTx/>
              <a:uFillTx/>
              <a:latin typeface="Aktiv Grotesk"/>
              <a:ea typeface="+mn-ea"/>
              <a:cs typeface="+mn-cs"/>
            </a:endParaRPr>
          </a:p>
          <a:p>
            <a:endParaRPr lang="en-US" dirty="0"/>
          </a:p>
        </p:txBody>
      </p:sp>
      <p:sp>
        <p:nvSpPr>
          <p:cNvPr id="4" name="Slide Number Placeholder 3"/>
          <p:cNvSpPr>
            <a:spLocks noGrp="1"/>
          </p:cNvSpPr>
          <p:nvPr>
            <p:ph type="sldNum" sz="quarter" idx="5"/>
          </p:nvPr>
        </p:nvSpPr>
        <p:spPr/>
        <p:txBody>
          <a:bodyPr/>
          <a:lstStyle/>
          <a:p>
            <a:fld id="{F17EFD21-3E0D-4ED5-96F2-31052EE08DB7}" type="slidenum">
              <a:rPr lang="en-US" smtClean="0"/>
              <a:pPr/>
              <a:t>6</a:t>
            </a:fld>
            <a:endParaRPr lang="en-US"/>
          </a:p>
        </p:txBody>
      </p:sp>
    </p:spTree>
    <p:extLst>
      <p:ext uri="{BB962C8B-B14F-4D97-AF65-F5344CB8AC3E}">
        <p14:creationId xmlns:p14="http://schemas.microsoft.com/office/powerpoint/2010/main" val="2294058075"/>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s-ES" dirty="0"/>
              <a:t>El combustible base para </a:t>
            </a:r>
            <a:r>
              <a:rPr lang="es-ES" b="1" u="sng" dirty="0"/>
              <a:t>aviones también debe probarse </a:t>
            </a:r>
            <a:r>
              <a:rPr lang="es-ES" dirty="0"/>
              <a:t>y es necesario </a:t>
            </a:r>
            <a:r>
              <a:rPr lang="es-ES" b="1" u="sng" dirty="0"/>
              <a:t>realizar premezclas </a:t>
            </a:r>
            <a:r>
              <a:rPr lang="es-ES" dirty="0"/>
              <a:t>para evaluar las propiedades finales de la mezcla SAF-CAF antes de realizar la mezcla a gran escala. Una vez completada la mezcla completa, es necesario volver a certificar la mezcla final como combustible para aviones ASTM D1655. Dependiendo de los volúmenes, para ello se requieren al </a:t>
            </a:r>
            <a:r>
              <a:rPr lang="es-ES" b="1" u="sng" dirty="0"/>
              <a:t>menos dos tanques extra</a:t>
            </a:r>
            <a:r>
              <a:rPr lang="es-ES" dirty="0"/>
              <a:t>, uno para el 100% SAF y otro para mezcla, además de la infraestructura y sistemas de apoyo a la transferencia de combustible y el laboratorio para probar y certificar el combustible. </a:t>
            </a:r>
          </a:p>
          <a:p>
            <a:endParaRPr lang="es-ES" dirty="0"/>
          </a:p>
          <a:p>
            <a:r>
              <a:rPr lang="es-ES" dirty="0"/>
              <a:t>La introducción de SAF directamente en CAF sin mezcla mecánica o hidrodinámica podría dar lugar a una mezcla no homogénea debido a la diferencia de densidad entre los dos combustibles, por lo que se necesitan procesos de mezcla especializados.</a:t>
            </a:r>
            <a:endParaRPr lang="en-US" dirty="0"/>
          </a:p>
          <a:p>
            <a:endParaRPr lang="en-US" dirty="0"/>
          </a:p>
        </p:txBody>
      </p:sp>
      <p:sp>
        <p:nvSpPr>
          <p:cNvPr id="4" name="Slide Number Placeholder 3"/>
          <p:cNvSpPr>
            <a:spLocks noGrp="1"/>
          </p:cNvSpPr>
          <p:nvPr>
            <p:ph type="sldNum" sz="quarter" idx="5"/>
          </p:nvPr>
        </p:nvSpPr>
        <p:spPr/>
        <p:txBody>
          <a:bodyPr/>
          <a:lstStyle/>
          <a:p>
            <a:fld id="{F17EFD21-3E0D-4ED5-96F2-31052EE08DB7}" type="slidenum">
              <a:rPr lang="en-US" smtClean="0"/>
              <a:pPr/>
              <a:t>7</a:t>
            </a:fld>
            <a:endParaRPr lang="en-US"/>
          </a:p>
        </p:txBody>
      </p:sp>
    </p:spTree>
    <p:extLst>
      <p:ext uri="{BB962C8B-B14F-4D97-AF65-F5344CB8AC3E}">
        <p14:creationId xmlns:p14="http://schemas.microsoft.com/office/powerpoint/2010/main" val="4285659069"/>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F17EFD21-3E0D-4ED5-96F2-31052EE08DB7}" type="slidenum">
              <a:rPr lang="en-US" smtClean="0"/>
              <a:pPr/>
              <a:t>10</a:t>
            </a:fld>
            <a:endParaRPr lang="en-US"/>
          </a:p>
        </p:txBody>
      </p:sp>
    </p:spTree>
    <p:extLst>
      <p:ext uri="{BB962C8B-B14F-4D97-AF65-F5344CB8AC3E}">
        <p14:creationId xmlns:p14="http://schemas.microsoft.com/office/powerpoint/2010/main" val="233342934"/>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s-ES" dirty="0"/>
              <a:t>Las cadenas de suministro de combustible pueden configurarse de manera diferente. En consecuencia, existen diferentes enfoques de </a:t>
            </a:r>
            <a:r>
              <a:rPr lang="es-ES" dirty="0" err="1"/>
              <a:t>CoC</a:t>
            </a:r>
            <a:r>
              <a:rPr lang="es-ES" dirty="0"/>
              <a:t> que buscan garantizar una contabilidad precisa en cada caso. </a:t>
            </a:r>
            <a:r>
              <a:rPr lang="es-ES" dirty="0" err="1"/>
              <a:t>CoC</a:t>
            </a:r>
            <a:r>
              <a:rPr lang="es-ES" dirty="0"/>
              <a:t> se relaciona con el proceso mediante el cual los insumos y productos, así como la información asociada, se transfieren, monitorean y controlan en cada paso de la cadena de suministro relevante. Los 3 modelos de </a:t>
            </a:r>
            <a:r>
              <a:rPr lang="es-ES" dirty="0" err="1"/>
              <a:t>CoC</a:t>
            </a:r>
            <a:r>
              <a:rPr lang="es-ES" dirty="0"/>
              <a:t> más utilizados son:</a:t>
            </a:r>
            <a:endParaRPr lang="en-US" dirty="0"/>
          </a:p>
        </p:txBody>
      </p:sp>
      <p:sp>
        <p:nvSpPr>
          <p:cNvPr id="4" name="Slide Number Placeholder 3"/>
          <p:cNvSpPr>
            <a:spLocks noGrp="1"/>
          </p:cNvSpPr>
          <p:nvPr>
            <p:ph type="sldNum" sz="quarter" idx="5"/>
          </p:nvPr>
        </p:nvSpPr>
        <p:spPr/>
        <p:txBody>
          <a:bodyPr/>
          <a:lstStyle/>
          <a:p>
            <a:fld id="{F17EFD21-3E0D-4ED5-96F2-31052EE08DB7}" type="slidenum">
              <a:rPr lang="en-US" smtClean="0"/>
              <a:pPr/>
              <a:t>11</a:t>
            </a:fld>
            <a:endParaRPr lang="en-US"/>
          </a:p>
        </p:txBody>
      </p:sp>
    </p:spTree>
    <p:extLst>
      <p:ext uri="{BB962C8B-B14F-4D97-AF65-F5344CB8AC3E}">
        <p14:creationId xmlns:p14="http://schemas.microsoft.com/office/powerpoint/2010/main" val="1873486618"/>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s-ES" dirty="0"/>
              <a:t>Un marco contable SAF adecuado permitiría a las aerolíneas reclamar los beneficios ambientales de las compras de SAF para cumplir o reducir sus obligaciones regulatorias y cumplir compromisos adicionales. Un sistema de contabilidad SAF sólido (o una red de sistemas interoperables) ofrece los siguientes beneficios: </a:t>
            </a:r>
          </a:p>
          <a:p>
            <a:r>
              <a:rPr lang="es-ES" dirty="0"/>
              <a:t>▪ Asegura un seguimiento inmutable de los atributos ambientales, para permitir la verificación.</a:t>
            </a:r>
          </a:p>
          <a:p>
            <a:r>
              <a:rPr lang="es-ES" dirty="0"/>
              <a:t>▪ Proporciona total transparencia de las reclamaciones realizadas sobre cualquier lote específico de SAF.</a:t>
            </a:r>
          </a:p>
          <a:p>
            <a:r>
              <a:rPr lang="es-ES" dirty="0"/>
              <a:t>▪ Evita el doble conteo por doble emisión, uso o reclamación.</a:t>
            </a:r>
          </a:p>
          <a:p>
            <a:r>
              <a:rPr lang="es-ES" dirty="0"/>
              <a:t>▪ Permite acumular incentivos para maximizar las oportunidades de financiar los precios más altos de SAF.</a:t>
            </a:r>
            <a:endParaRPr lang="en-US" dirty="0"/>
          </a:p>
        </p:txBody>
      </p:sp>
      <p:sp>
        <p:nvSpPr>
          <p:cNvPr id="4" name="Slide Number Placeholder 3"/>
          <p:cNvSpPr>
            <a:spLocks noGrp="1"/>
          </p:cNvSpPr>
          <p:nvPr>
            <p:ph type="sldNum" sz="quarter" idx="5"/>
          </p:nvPr>
        </p:nvSpPr>
        <p:spPr/>
        <p:txBody>
          <a:bodyPr/>
          <a:lstStyle/>
          <a:p>
            <a:fld id="{F17EFD21-3E0D-4ED5-96F2-31052EE08DB7}" type="slidenum">
              <a:rPr lang="en-US" smtClean="0"/>
              <a:pPr/>
              <a:t>12</a:t>
            </a:fld>
            <a:endParaRPr lang="en-US"/>
          </a:p>
        </p:txBody>
      </p:sp>
    </p:spTree>
    <p:extLst>
      <p:ext uri="{BB962C8B-B14F-4D97-AF65-F5344CB8AC3E}">
        <p14:creationId xmlns:p14="http://schemas.microsoft.com/office/powerpoint/2010/main" val="3502661237"/>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WHITE_Title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7E5DEED-A00F-432E-919B-A31AE102E4CC}"/>
              </a:ext>
            </a:extLst>
          </p:cNvPr>
          <p:cNvSpPr>
            <a:spLocks noGrp="1"/>
          </p:cNvSpPr>
          <p:nvPr>
            <p:ph type="ctrTitle"/>
          </p:nvPr>
        </p:nvSpPr>
        <p:spPr>
          <a:xfrm>
            <a:off x="381000" y="1485900"/>
            <a:ext cx="5904000" cy="2387600"/>
          </a:xfrm>
        </p:spPr>
        <p:txBody>
          <a:bodyPr anchor="t" anchorCtr="0"/>
          <a:lstStyle>
            <a:lvl1pPr algn="l">
              <a:lnSpc>
                <a:spcPts val="5800"/>
              </a:lnSpc>
              <a:defRPr sz="5600">
                <a:solidFill>
                  <a:schemeClr val="accent1"/>
                </a:solidFill>
                <a:latin typeface="+mj-lt"/>
              </a:defRPr>
            </a:lvl1pPr>
          </a:lstStyle>
          <a:p>
            <a:r>
              <a:rPr lang="en-US"/>
              <a:t>Click to edit Master title style</a:t>
            </a:r>
            <a:endParaRPr lang="en-US" dirty="0"/>
          </a:p>
        </p:txBody>
      </p:sp>
      <p:sp>
        <p:nvSpPr>
          <p:cNvPr id="3" name="Subtitle 2">
            <a:extLst>
              <a:ext uri="{FF2B5EF4-FFF2-40B4-BE49-F238E27FC236}">
                <a16:creationId xmlns:a16="http://schemas.microsoft.com/office/drawing/2014/main" id="{D232A637-F57B-4008-8DC2-4D2B8ECC1A66}"/>
              </a:ext>
            </a:extLst>
          </p:cNvPr>
          <p:cNvSpPr>
            <a:spLocks noGrp="1"/>
          </p:cNvSpPr>
          <p:nvPr>
            <p:ph type="subTitle" idx="1"/>
          </p:nvPr>
        </p:nvSpPr>
        <p:spPr>
          <a:xfrm>
            <a:off x="381000" y="3965575"/>
            <a:ext cx="5904000" cy="1655762"/>
          </a:xfrm>
        </p:spPr>
        <p:txBody>
          <a:bodyPr anchor="t" anchorCtr="0"/>
          <a:lstStyle>
            <a:lvl1pPr marL="0" indent="0" algn="l">
              <a:lnSpc>
                <a:spcPts val="3400"/>
              </a:lnSpc>
              <a:spcBef>
                <a:spcPts val="0"/>
              </a:spcBef>
              <a:spcAft>
                <a:spcPts val="1400"/>
              </a:spcAft>
              <a:buNone/>
              <a:defRPr sz="32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US" dirty="0"/>
          </a:p>
        </p:txBody>
      </p:sp>
      <p:sp>
        <p:nvSpPr>
          <p:cNvPr id="7" name="Freeform 5">
            <a:extLst>
              <a:ext uri="{FF2B5EF4-FFF2-40B4-BE49-F238E27FC236}">
                <a16:creationId xmlns:a16="http://schemas.microsoft.com/office/drawing/2014/main" id="{7013E3A3-37C5-400E-905D-C7BC5CA55E5C}"/>
              </a:ext>
            </a:extLst>
          </p:cNvPr>
          <p:cNvSpPr>
            <a:spLocks noChangeAspect="1" noEditPoints="1"/>
          </p:cNvSpPr>
          <p:nvPr userDrawn="1"/>
        </p:nvSpPr>
        <p:spPr bwMode="auto">
          <a:xfrm>
            <a:off x="10528388" y="5678705"/>
            <a:ext cx="1281937" cy="802800"/>
          </a:xfrm>
          <a:custGeom>
            <a:avLst/>
            <a:gdLst>
              <a:gd name="T0" fmla="*/ 971 w 1920"/>
              <a:gd name="T1" fmla="*/ 446 h 1200"/>
              <a:gd name="T2" fmla="*/ 860 w 1920"/>
              <a:gd name="T3" fmla="*/ 461 h 1200"/>
              <a:gd name="T4" fmla="*/ 971 w 1920"/>
              <a:gd name="T5" fmla="*/ 12 h 1200"/>
              <a:gd name="T6" fmla="*/ 971 w 1920"/>
              <a:gd name="T7" fmla="*/ 12 h 1200"/>
              <a:gd name="T8" fmla="*/ 950 w 1920"/>
              <a:gd name="T9" fmla="*/ 137 h 1200"/>
              <a:gd name="T10" fmla="*/ 971 w 1920"/>
              <a:gd name="T11" fmla="*/ 301 h 1200"/>
              <a:gd name="T12" fmla="*/ 971 w 1920"/>
              <a:gd name="T13" fmla="*/ 424 h 1200"/>
              <a:gd name="T14" fmla="*/ 1092 w 1920"/>
              <a:gd name="T15" fmla="*/ 451 h 1200"/>
              <a:gd name="T16" fmla="*/ 1154 w 1920"/>
              <a:gd name="T17" fmla="*/ 514 h 1200"/>
              <a:gd name="T18" fmla="*/ 1154 w 1920"/>
              <a:gd name="T19" fmla="*/ 514 h 1200"/>
              <a:gd name="T20" fmla="*/ 816 w 1920"/>
              <a:gd name="T21" fmla="*/ 301 h 1200"/>
              <a:gd name="T22" fmla="*/ 660 w 1920"/>
              <a:gd name="T23" fmla="*/ 301 h 1200"/>
              <a:gd name="T24" fmla="*/ 749 w 1920"/>
              <a:gd name="T25" fmla="*/ 500 h 1200"/>
              <a:gd name="T26" fmla="*/ 839 w 1920"/>
              <a:gd name="T27" fmla="*/ 470 h 1200"/>
              <a:gd name="T28" fmla="*/ 971 w 1920"/>
              <a:gd name="T29" fmla="*/ 158 h 1200"/>
              <a:gd name="T30" fmla="*/ 1071 w 1920"/>
              <a:gd name="T31" fmla="*/ 139 h 1200"/>
              <a:gd name="T32" fmla="*/ 1127 w 1920"/>
              <a:gd name="T33" fmla="*/ 280 h 1200"/>
              <a:gd name="T34" fmla="*/ 1260 w 1920"/>
              <a:gd name="T35" fmla="*/ 280 h 1200"/>
              <a:gd name="T36" fmla="*/ 990 w 1920"/>
              <a:gd name="T37" fmla="*/ 0 h 1200"/>
              <a:gd name="T38" fmla="*/ 950 w 1920"/>
              <a:gd name="T39" fmla="*/ 280 h 1200"/>
              <a:gd name="T40" fmla="*/ 950 w 1920"/>
              <a:gd name="T41" fmla="*/ 158 h 1200"/>
              <a:gd name="T42" fmla="*/ 829 w 1920"/>
              <a:gd name="T43" fmla="*/ 131 h 1200"/>
              <a:gd name="T44" fmla="*/ 765 w 1920"/>
              <a:gd name="T45" fmla="*/ 67 h 1200"/>
              <a:gd name="T46" fmla="*/ 765 w 1920"/>
              <a:gd name="T47" fmla="*/ 67 h 1200"/>
              <a:gd name="T48" fmla="*/ 849 w 1920"/>
              <a:gd name="T49" fmla="*/ 646 h 1200"/>
              <a:gd name="T50" fmla="*/ 282 w 1920"/>
              <a:gd name="T51" fmla="*/ 671 h 1200"/>
              <a:gd name="T52" fmla="*/ 289 w 1920"/>
              <a:gd name="T53" fmla="*/ 650 h 1200"/>
              <a:gd name="T54" fmla="*/ 565 w 1920"/>
              <a:gd name="T55" fmla="*/ 556 h 1200"/>
              <a:gd name="T56" fmla="*/ 515 w 1920"/>
              <a:gd name="T57" fmla="*/ 483 h 1200"/>
              <a:gd name="T58" fmla="*/ 0 w 1920"/>
              <a:gd name="T59" fmla="*/ 388 h 1200"/>
              <a:gd name="T60" fmla="*/ 1071 w 1920"/>
              <a:gd name="T61" fmla="*/ 646 h 1200"/>
              <a:gd name="T62" fmla="*/ 1638 w 1920"/>
              <a:gd name="T63" fmla="*/ 671 h 1200"/>
              <a:gd name="T64" fmla="*/ 1631 w 1920"/>
              <a:gd name="T65" fmla="*/ 650 h 1200"/>
              <a:gd name="T66" fmla="*/ 1355 w 1920"/>
              <a:gd name="T67" fmla="*/ 556 h 1200"/>
              <a:gd name="T68" fmla="*/ 1405 w 1920"/>
              <a:gd name="T69" fmla="*/ 483 h 1200"/>
              <a:gd name="T70" fmla="*/ 1920 w 1920"/>
              <a:gd name="T71" fmla="*/ 388 h 1200"/>
              <a:gd name="T72" fmla="*/ 1563 w 1920"/>
              <a:gd name="T73" fmla="*/ 819 h 1200"/>
              <a:gd name="T74" fmla="*/ 1518 w 1920"/>
              <a:gd name="T75" fmla="*/ 1155 h 1200"/>
              <a:gd name="T76" fmla="*/ 1245 w 1920"/>
              <a:gd name="T77" fmla="*/ 1200 h 1200"/>
              <a:gd name="T78" fmla="*/ 1483 w 1920"/>
              <a:gd name="T79" fmla="*/ 936 h 1200"/>
              <a:gd name="T80" fmla="*/ 1038 w 1920"/>
              <a:gd name="T81" fmla="*/ 914 h 1200"/>
              <a:gd name="T82" fmla="*/ 1289 w 1920"/>
              <a:gd name="T83" fmla="*/ 817 h 1200"/>
              <a:gd name="T84" fmla="*/ 1120 w 1920"/>
              <a:gd name="T85" fmla="*/ 1200 h 1200"/>
              <a:gd name="T86" fmla="*/ 672 w 1920"/>
              <a:gd name="T87" fmla="*/ 819 h 1200"/>
              <a:gd name="T88" fmla="*/ 759 w 1920"/>
              <a:gd name="T89" fmla="*/ 1200 h 1200"/>
              <a:gd name="T90" fmla="*/ 606 w 1920"/>
              <a:gd name="T91" fmla="*/ 1200 h 1200"/>
              <a:gd name="T92" fmla="*/ 739 w 1920"/>
              <a:gd name="T93" fmla="*/ 1075 h 1200"/>
              <a:gd name="T94" fmla="*/ 273 w 1920"/>
              <a:gd name="T95" fmla="*/ 1200 h 1200"/>
              <a:gd name="T96" fmla="*/ 401 w 1920"/>
              <a:gd name="T97" fmla="*/ 1200 h 1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920" h="1200">
                <a:moveTo>
                  <a:pt x="971" y="571"/>
                </a:moveTo>
                <a:cubicBezTo>
                  <a:pt x="1007" y="542"/>
                  <a:pt x="1039" y="503"/>
                  <a:pt x="1060" y="461"/>
                </a:cubicBezTo>
                <a:cubicBezTo>
                  <a:pt x="1032" y="452"/>
                  <a:pt x="1001" y="446"/>
                  <a:pt x="971" y="446"/>
                </a:cubicBezTo>
                <a:lnTo>
                  <a:pt x="971" y="571"/>
                </a:lnTo>
                <a:close/>
                <a:moveTo>
                  <a:pt x="950" y="569"/>
                </a:moveTo>
                <a:cubicBezTo>
                  <a:pt x="913" y="542"/>
                  <a:pt x="881" y="503"/>
                  <a:pt x="860" y="461"/>
                </a:cubicBezTo>
                <a:cubicBezTo>
                  <a:pt x="888" y="451"/>
                  <a:pt x="919" y="446"/>
                  <a:pt x="950" y="446"/>
                </a:cubicBezTo>
                <a:lnTo>
                  <a:pt x="950" y="569"/>
                </a:lnTo>
                <a:close/>
                <a:moveTo>
                  <a:pt x="971" y="12"/>
                </a:moveTo>
                <a:cubicBezTo>
                  <a:pt x="1007" y="41"/>
                  <a:pt x="1039" y="79"/>
                  <a:pt x="1060" y="120"/>
                </a:cubicBezTo>
                <a:cubicBezTo>
                  <a:pt x="1032" y="130"/>
                  <a:pt x="1001" y="137"/>
                  <a:pt x="971" y="137"/>
                </a:cubicBezTo>
                <a:lnTo>
                  <a:pt x="971" y="12"/>
                </a:lnTo>
                <a:close/>
                <a:moveTo>
                  <a:pt x="950" y="12"/>
                </a:moveTo>
                <a:cubicBezTo>
                  <a:pt x="913" y="41"/>
                  <a:pt x="881" y="80"/>
                  <a:pt x="860" y="120"/>
                </a:cubicBezTo>
                <a:cubicBezTo>
                  <a:pt x="888" y="129"/>
                  <a:pt x="919" y="137"/>
                  <a:pt x="950" y="137"/>
                </a:cubicBezTo>
                <a:lnTo>
                  <a:pt x="950" y="12"/>
                </a:lnTo>
                <a:close/>
                <a:moveTo>
                  <a:pt x="971" y="424"/>
                </a:moveTo>
                <a:cubicBezTo>
                  <a:pt x="971" y="301"/>
                  <a:pt x="971" y="301"/>
                  <a:pt x="971" y="301"/>
                </a:cubicBezTo>
                <a:cubicBezTo>
                  <a:pt x="1104" y="301"/>
                  <a:pt x="1104" y="301"/>
                  <a:pt x="1104" y="301"/>
                </a:cubicBezTo>
                <a:cubicBezTo>
                  <a:pt x="1104" y="350"/>
                  <a:pt x="1092" y="398"/>
                  <a:pt x="1071" y="443"/>
                </a:cubicBezTo>
                <a:cubicBezTo>
                  <a:pt x="1040" y="432"/>
                  <a:pt x="1004" y="424"/>
                  <a:pt x="971" y="424"/>
                </a:cubicBezTo>
                <a:moveTo>
                  <a:pt x="1260" y="301"/>
                </a:moveTo>
                <a:cubicBezTo>
                  <a:pt x="1127" y="301"/>
                  <a:pt x="1127" y="301"/>
                  <a:pt x="1127" y="301"/>
                </a:cubicBezTo>
                <a:cubicBezTo>
                  <a:pt x="1125" y="355"/>
                  <a:pt x="1114" y="403"/>
                  <a:pt x="1092" y="451"/>
                </a:cubicBezTo>
                <a:cubicBezTo>
                  <a:pt x="1120" y="464"/>
                  <a:pt x="1146" y="480"/>
                  <a:pt x="1171" y="500"/>
                </a:cubicBezTo>
                <a:cubicBezTo>
                  <a:pt x="1225" y="447"/>
                  <a:pt x="1257" y="375"/>
                  <a:pt x="1260" y="301"/>
                </a:cubicBezTo>
                <a:moveTo>
                  <a:pt x="1154" y="514"/>
                </a:moveTo>
                <a:cubicBezTo>
                  <a:pt x="1133" y="496"/>
                  <a:pt x="1107" y="480"/>
                  <a:pt x="1081" y="470"/>
                </a:cubicBezTo>
                <a:cubicBezTo>
                  <a:pt x="1057" y="513"/>
                  <a:pt x="1028" y="549"/>
                  <a:pt x="990" y="582"/>
                </a:cubicBezTo>
                <a:cubicBezTo>
                  <a:pt x="1051" y="574"/>
                  <a:pt x="1107" y="552"/>
                  <a:pt x="1154" y="514"/>
                </a:cubicBezTo>
                <a:moveTo>
                  <a:pt x="950" y="424"/>
                </a:moveTo>
                <a:cubicBezTo>
                  <a:pt x="950" y="301"/>
                  <a:pt x="950" y="301"/>
                  <a:pt x="950" y="301"/>
                </a:cubicBezTo>
                <a:cubicBezTo>
                  <a:pt x="816" y="301"/>
                  <a:pt x="816" y="301"/>
                  <a:pt x="816" y="301"/>
                </a:cubicBezTo>
                <a:cubicBezTo>
                  <a:pt x="817" y="350"/>
                  <a:pt x="828" y="399"/>
                  <a:pt x="849" y="443"/>
                </a:cubicBezTo>
                <a:cubicBezTo>
                  <a:pt x="881" y="432"/>
                  <a:pt x="915" y="424"/>
                  <a:pt x="950" y="424"/>
                </a:cubicBezTo>
                <a:moveTo>
                  <a:pt x="660" y="301"/>
                </a:moveTo>
                <a:cubicBezTo>
                  <a:pt x="793" y="301"/>
                  <a:pt x="793" y="301"/>
                  <a:pt x="793" y="301"/>
                </a:cubicBezTo>
                <a:cubicBezTo>
                  <a:pt x="796" y="355"/>
                  <a:pt x="808" y="402"/>
                  <a:pt x="829" y="451"/>
                </a:cubicBezTo>
                <a:cubicBezTo>
                  <a:pt x="800" y="464"/>
                  <a:pt x="774" y="480"/>
                  <a:pt x="749" y="500"/>
                </a:cubicBezTo>
                <a:cubicBezTo>
                  <a:pt x="695" y="447"/>
                  <a:pt x="664" y="377"/>
                  <a:pt x="660" y="301"/>
                </a:cubicBezTo>
                <a:moveTo>
                  <a:pt x="765" y="514"/>
                </a:moveTo>
                <a:cubicBezTo>
                  <a:pt x="788" y="497"/>
                  <a:pt x="813" y="479"/>
                  <a:pt x="839" y="470"/>
                </a:cubicBezTo>
                <a:cubicBezTo>
                  <a:pt x="863" y="513"/>
                  <a:pt x="892" y="549"/>
                  <a:pt x="930" y="582"/>
                </a:cubicBezTo>
                <a:cubicBezTo>
                  <a:pt x="869" y="574"/>
                  <a:pt x="812" y="552"/>
                  <a:pt x="765" y="514"/>
                </a:cubicBezTo>
                <a:moveTo>
                  <a:pt x="971" y="158"/>
                </a:moveTo>
                <a:cubicBezTo>
                  <a:pt x="971" y="280"/>
                  <a:pt x="971" y="280"/>
                  <a:pt x="971" y="280"/>
                </a:cubicBezTo>
                <a:cubicBezTo>
                  <a:pt x="1104" y="280"/>
                  <a:pt x="1104" y="280"/>
                  <a:pt x="1104" y="280"/>
                </a:cubicBezTo>
                <a:cubicBezTo>
                  <a:pt x="1104" y="231"/>
                  <a:pt x="1092" y="184"/>
                  <a:pt x="1071" y="139"/>
                </a:cubicBezTo>
                <a:cubicBezTo>
                  <a:pt x="1039" y="150"/>
                  <a:pt x="1005" y="157"/>
                  <a:pt x="971" y="158"/>
                </a:cubicBezTo>
                <a:moveTo>
                  <a:pt x="1260" y="280"/>
                </a:moveTo>
                <a:cubicBezTo>
                  <a:pt x="1127" y="280"/>
                  <a:pt x="1127" y="280"/>
                  <a:pt x="1127" y="280"/>
                </a:cubicBezTo>
                <a:cubicBezTo>
                  <a:pt x="1125" y="227"/>
                  <a:pt x="1113" y="178"/>
                  <a:pt x="1092" y="131"/>
                </a:cubicBezTo>
                <a:cubicBezTo>
                  <a:pt x="1120" y="118"/>
                  <a:pt x="1147" y="102"/>
                  <a:pt x="1171" y="82"/>
                </a:cubicBezTo>
                <a:cubicBezTo>
                  <a:pt x="1228" y="138"/>
                  <a:pt x="1257" y="207"/>
                  <a:pt x="1260" y="280"/>
                </a:cubicBezTo>
                <a:moveTo>
                  <a:pt x="1154" y="67"/>
                </a:moveTo>
                <a:cubicBezTo>
                  <a:pt x="1133" y="86"/>
                  <a:pt x="1107" y="103"/>
                  <a:pt x="1081" y="113"/>
                </a:cubicBezTo>
                <a:cubicBezTo>
                  <a:pt x="1057" y="68"/>
                  <a:pt x="1028" y="33"/>
                  <a:pt x="990" y="0"/>
                </a:cubicBezTo>
                <a:cubicBezTo>
                  <a:pt x="1051" y="7"/>
                  <a:pt x="1107" y="30"/>
                  <a:pt x="1154" y="67"/>
                </a:cubicBezTo>
                <a:moveTo>
                  <a:pt x="950" y="158"/>
                </a:moveTo>
                <a:cubicBezTo>
                  <a:pt x="950" y="280"/>
                  <a:pt x="950" y="280"/>
                  <a:pt x="950" y="280"/>
                </a:cubicBezTo>
                <a:cubicBezTo>
                  <a:pt x="816" y="280"/>
                  <a:pt x="816" y="280"/>
                  <a:pt x="816" y="280"/>
                </a:cubicBezTo>
                <a:cubicBezTo>
                  <a:pt x="817" y="232"/>
                  <a:pt x="828" y="183"/>
                  <a:pt x="849" y="139"/>
                </a:cubicBezTo>
                <a:cubicBezTo>
                  <a:pt x="881" y="150"/>
                  <a:pt x="915" y="157"/>
                  <a:pt x="950" y="158"/>
                </a:cubicBezTo>
                <a:moveTo>
                  <a:pt x="660" y="280"/>
                </a:moveTo>
                <a:cubicBezTo>
                  <a:pt x="793" y="280"/>
                  <a:pt x="793" y="280"/>
                  <a:pt x="793" y="280"/>
                </a:cubicBezTo>
                <a:cubicBezTo>
                  <a:pt x="796" y="227"/>
                  <a:pt x="808" y="179"/>
                  <a:pt x="829" y="131"/>
                </a:cubicBezTo>
                <a:cubicBezTo>
                  <a:pt x="800" y="118"/>
                  <a:pt x="774" y="103"/>
                  <a:pt x="749" y="82"/>
                </a:cubicBezTo>
                <a:cubicBezTo>
                  <a:pt x="694" y="136"/>
                  <a:pt x="664" y="205"/>
                  <a:pt x="660" y="280"/>
                </a:cubicBezTo>
                <a:moveTo>
                  <a:pt x="765" y="67"/>
                </a:moveTo>
                <a:cubicBezTo>
                  <a:pt x="788" y="86"/>
                  <a:pt x="812" y="103"/>
                  <a:pt x="839" y="113"/>
                </a:cubicBezTo>
                <a:cubicBezTo>
                  <a:pt x="862" y="69"/>
                  <a:pt x="893" y="32"/>
                  <a:pt x="930" y="0"/>
                </a:cubicBezTo>
                <a:cubicBezTo>
                  <a:pt x="869" y="7"/>
                  <a:pt x="813" y="30"/>
                  <a:pt x="765" y="67"/>
                </a:cubicBezTo>
                <a:moveTo>
                  <a:pt x="0" y="388"/>
                </a:moveTo>
                <a:cubicBezTo>
                  <a:pt x="600" y="388"/>
                  <a:pt x="600" y="388"/>
                  <a:pt x="600" y="388"/>
                </a:cubicBezTo>
                <a:cubicBezTo>
                  <a:pt x="622" y="495"/>
                  <a:pt x="698" y="584"/>
                  <a:pt x="849" y="646"/>
                </a:cubicBezTo>
                <a:cubicBezTo>
                  <a:pt x="832" y="697"/>
                  <a:pt x="773" y="744"/>
                  <a:pt x="712" y="744"/>
                </a:cubicBezTo>
                <a:cubicBezTo>
                  <a:pt x="387" y="744"/>
                  <a:pt x="387" y="744"/>
                  <a:pt x="387" y="744"/>
                </a:cubicBezTo>
                <a:cubicBezTo>
                  <a:pt x="337" y="744"/>
                  <a:pt x="298" y="703"/>
                  <a:pt x="282" y="671"/>
                </a:cubicBezTo>
                <a:cubicBezTo>
                  <a:pt x="613" y="671"/>
                  <a:pt x="613" y="671"/>
                  <a:pt x="613" y="671"/>
                </a:cubicBezTo>
                <a:cubicBezTo>
                  <a:pt x="633" y="668"/>
                  <a:pt x="634" y="652"/>
                  <a:pt x="614" y="650"/>
                </a:cubicBezTo>
                <a:cubicBezTo>
                  <a:pt x="289" y="650"/>
                  <a:pt x="289" y="650"/>
                  <a:pt x="289" y="650"/>
                </a:cubicBezTo>
                <a:cubicBezTo>
                  <a:pt x="247" y="650"/>
                  <a:pt x="209" y="615"/>
                  <a:pt x="187" y="577"/>
                </a:cubicBezTo>
                <a:cubicBezTo>
                  <a:pt x="565" y="577"/>
                  <a:pt x="565" y="577"/>
                  <a:pt x="565" y="577"/>
                </a:cubicBezTo>
                <a:cubicBezTo>
                  <a:pt x="584" y="574"/>
                  <a:pt x="584" y="558"/>
                  <a:pt x="565" y="556"/>
                </a:cubicBezTo>
                <a:cubicBezTo>
                  <a:pt x="184" y="556"/>
                  <a:pt x="184" y="556"/>
                  <a:pt x="184" y="556"/>
                </a:cubicBezTo>
                <a:cubicBezTo>
                  <a:pt x="146" y="556"/>
                  <a:pt x="111" y="512"/>
                  <a:pt x="96" y="483"/>
                </a:cubicBezTo>
                <a:cubicBezTo>
                  <a:pt x="515" y="483"/>
                  <a:pt x="515" y="483"/>
                  <a:pt x="515" y="483"/>
                </a:cubicBezTo>
                <a:cubicBezTo>
                  <a:pt x="536" y="480"/>
                  <a:pt x="536" y="461"/>
                  <a:pt x="515" y="460"/>
                </a:cubicBezTo>
                <a:cubicBezTo>
                  <a:pt x="89" y="460"/>
                  <a:pt x="89" y="460"/>
                  <a:pt x="89" y="460"/>
                </a:cubicBezTo>
                <a:cubicBezTo>
                  <a:pt x="55" y="460"/>
                  <a:pt x="23" y="425"/>
                  <a:pt x="0" y="388"/>
                </a:cubicBezTo>
                <a:moveTo>
                  <a:pt x="1920" y="388"/>
                </a:moveTo>
                <a:cubicBezTo>
                  <a:pt x="1320" y="388"/>
                  <a:pt x="1320" y="388"/>
                  <a:pt x="1320" y="388"/>
                </a:cubicBezTo>
                <a:cubicBezTo>
                  <a:pt x="1298" y="495"/>
                  <a:pt x="1222" y="584"/>
                  <a:pt x="1071" y="646"/>
                </a:cubicBezTo>
                <a:cubicBezTo>
                  <a:pt x="1088" y="697"/>
                  <a:pt x="1147" y="744"/>
                  <a:pt x="1208" y="744"/>
                </a:cubicBezTo>
                <a:cubicBezTo>
                  <a:pt x="1533" y="744"/>
                  <a:pt x="1533" y="744"/>
                  <a:pt x="1533" y="744"/>
                </a:cubicBezTo>
                <a:cubicBezTo>
                  <a:pt x="1583" y="744"/>
                  <a:pt x="1622" y="703"/>
                  <a:pt x="1638" y="671"/>
                </a:cubicBezTo>
                <a:cubicBezTo>
                  <a:pt x="1307" y="671"/>
                  <a:pt x="1307" y="671"/>
                  <a:pt x="1307" y="671"/>
                </a:cubicBezTo>
                <a:cubicBezTo>
                  <a:pt x="1287" y="668"/>
                  <a:pt x="1286" y="652"/>
                  <a:pt x="1306" y="650"/>
                </a:cubicBezTo>
                <a:cubicBezTo>
                  <a:pt x="1631" y="650"/>
                  <a:pt x="1631" y="650"/>
                  <a:pt x="1631" y="650"/>
                </a:cubicBezTo>
                <a:cubicBezTo>
                  <a:pt x="1673" y="650"/>
                  <a:pt x="1711" y="615"/>
                  <a:pt x="1733" y="577"/>
                </a:cubicBezTo>
                <a:cubicBezTo>
                  <a:pt x="1355" y="577"/>
                  <a:pt x="1355" y="577"/>
                  <a:pt x="1355" y="577"/>
                </a:cubicBezTo>
                <a:cubicBezTo>
                  <a:pt x="1336" y="574"/>
                  <a:pt x="1336" y="558"/>
                  <a:pt x="1355" y="556"/>
                </a:cubicBezTo>
                <a:cubicBezTo>
                  <a:pt x="1736" y="556"/>
                  <a:pt x="1736" y="556"/>
                  <a:pt x="1736" y="556"/>
                </a:cubicBezTo>
                <a:cubicBezTo>
                  <a:pt x="1774" y="556"/>
                  <a:pt x="1809" y="512"/>
                  <a:pt x="1824" y="483"/>
                </a:cubicBezTo>
                <a:cubicBezTo>
                  <a:pt x="1405" y="483"/>
                  <a:pt x="1405" y="483"/>
                  <a:pt x="1405" y="483"/>
                </a:cubicBezTo>
                <a:cubicBezTo>
                  <a:pt x="1384" y="480"/>
                  <a:pt x="1384" y="461"/>
                  <a:pt x="1405" y="460"/>
                </a:cubicBezTo>
                <a:cubicBezTo>
                  <a:pt x="1831" y="460"/>
                  <a:pt x="1831" y="460"/>
                  <a:pt x="1831" y="460"/>
                </a:cubicBezTo>
                <a:cubicBezTo>
                  <a:pt x="1865" y="460"/>
                  <a:pt x="1897" y="425"/>
                  <a:pt x="1920" y="388"/>
                </a:cubicBezTo>
                <a:moveTo>
                  <a:pt x="1245" y="1200"/>
                </a:moveTo>
                <a:cubicBezTo>
                  <a:pt x="1437" y="819"/>
                  <a:pt x="1437" y="819"/>
                  <a:pt x="1437" y="819"/>
                </a:cubicBezTo>
                <a:cubicBezTo>
                  <a:pt x="1563" y="819"/>
                  <a:pt x="1563" y="819"/>
                  <a:pt x="1563" y="819"/>
                </a:cubicBezTo>
                <a:cubicBezTo>
                  <a:pt x="1643" y="1200"/>
                  <a:pt x="1643" y="1200"/>
                  <a:pt x="1643" y="1200"/>
                </a:cubicBezTo>
                <a:cubicBezTo>
                  <a:pt x="1523" y="1200"/>
                  <a:pt x="1523" y="1200"/>
                  <a:pt x="1523" y="1200"/>
                </a:cubicBezTo>
                <a:cubicBezTo>
                  <a:pt x="1518" y="1155"/>
                  <a:pt x="1518" y="1155"/>
                  <a:pt x="1518" y="1155"/>
                </a:cubicBezTo>
                <a:cubicBezTo>
                  <a:pt x="1392" y="1155"/>
                  <a:pt x="1392" y="1155"/>
                  <a:pt x="1392" y="1155"/>
                </a:cubicBezTo>
                <a:cubicBezTo>
                  <a:pt x="1371" y="1200"/>
                  <a:pt x="1371" y="1200"/>
                  <a:pt x="1371" y="1200"/>
                </a:cubicBezTo>
                <a:lnTo>
                  <a:pt x="1245" y="1200"/>
                </a:lnTo>
                <a:close/>
                <a:moveTo>
                  <a:pt x="1423" y="1075"/>
                </a:moveTo>
                <a:cubicBezTo>
                  <a:pt x="1504" y="1075"/>
                  <a:pt x="1504" y="1075"/>
                  <a:pt x="1504" y="1075"/>
                </a:cubicBezTo>
                <a:cubicBezTo>
                  <a:pt x="1483" y="936"/>
                  <a:pt x="1483" y="936"/>
                  <a:pt x="1483" y="936"/>
                </a:cubicBezTo>
                <a:lnTo>
                  <a:pt x="1423" y="1075"/>
                </a:lnTo>
                <a:close/>
                <a:moveTo>
                  <a:pt x="994" y="1200"/>
                </a:moveTo>
                <a:cubicBezTo>
                  <a:pt x="1038" y="914"/>
                  <a:pt x="1038" y="914"/>
                  <a:pt x="1038" y="914"/>
                </a:cubicBezTo>
                <a:cubicBezTo>
                  <a:pt x="927" y="914"/>
                  <a:pt x="927" y="914"/>
                  <a:pt x="927" y="914"/>
                </a:cubicBezTo>
                <a:cubicBezTo>
                  <a:pt x="946" y="817"/>
                  <a:pt x="946" y="817"/>
                  <a:pt x="946" y="817"/>
                </a:cubicBezTo>
                <a:cubicBezTo>
                  <a:pt x="1289" y="817"/>
                  <a:pt x="1289" y="817"/>
                  <a:pt x="1289" y="817"/>
                </a:cubicBezTo>
                <a:cubicBezTo>
                  <a:pt x="1269" y="914"/>
                  <a:pt x="1269" y="914"/>
                  <a:pt x="1269" y="914"/>
                </a:cubicBezTo>
                <a:cubicBezTo>
                  <a:pt x="1163" y="914"/>
                  <a:pt x="1163" y="914"/>
                  <a:pt x="1163" y="914"/>
                </a:cubicBezTo>
                <a:cubicBezTo>
                  <a:pt x="1120" y="1200"/>
                  <a:pt x="1120" y="1200"/>
                  <a:pt x="1120" y="1200"/>
                </a:cubicBezTo>
                <a:lnTo>
                  <a:pt x="994" y="1200"/>
                </a:lnTo>
                <a:close/>
                <a:moveTo>
                  <a:pt x="479" y="1200"/>
                </a:moveTo>
                <a:cubicBezTo>
                  <a:pt x="672" y="819"/>
                  <a:pt x="672" y="819"/>
                  <a:pt x="672" y="819"/>
                </a:cubicBezTo>
                <a:cubicBezTo>
                  <a:pt x="798" y="819"/>
                  <a:pt x="798" y="819"/>
                  <a:pt x="798" y="819"/>
                </a:cubicBezTo>
                <a:cubicBezTo>
                  <a:pt x="877" y="1200"/>
                  <a:pt x="877" y="1200"/>
                  <a:pt x="877" y="1200"/>
                </a:cubicBezTo>
                <a:cubicBezTo>
                  <a:pt x="759" y="1200"/>
                  <a:pt x="759" y="1200"/>
                  <a:pt x="759" y="1200"/>
                </a:cubicBezTo>
                <a:cubicBezTo>
                  <a:pt x="752" y="1155"/>
                  <a:pt x="752" y="1155"/>
                  <a:pt x="752" y="1155"/>
                </a:cubicBezTo>
                <a:cubicBezTo>
                  <a:pt x="626" y="1155"/>
                  <a:pt x="626" y="1155"/>
                  <a:pt x="626" y="1155"/>
                </a:cubicBezTo>
                <a:cubicBezTo>
                  <a:pt x="606" y="1200"/>
                  <a:pt x="606" y="1200"/>
                  <a:pt x="606" y="1200"/>
                </a:cubicBezTo>
                <a:lnTo>
                  <a:pt x="479" y="1200"/>
                </a:lnTo>
                <a:close/>
                <a:moveTo>
                  <a:pt x="657" y="1075"/>
                </a:moveTo>
                <a:cubicBezTo>
                  <a:pt x="739" y="1075"/>
                  <a:pt x="739" y="1075"/>
                  <a:pt x="739" y="1075"/>
                </a:cubicBezTo>
                <a:cubicBezTo>
                  <a:pt x="717" y="936"/>
                  <a:pt x="717" y="936"/>
                  <a:pt x="717" y="936"/>
                </a:cubicBezTo>
                <a:lnTo>
                  <a:pt x="657" y="1075"/>
                </a:lnTo>
                <a:close/>
                <a:moveTo>
                  <a:pt x="273" y="1200"/>
                </a:moveTo>
                <a:cubicBezTo>
                  <a:pt x="351" y="819"/>
                  <a:pt x="351" y="819"/>
                  <a:pt x="351" y="819"/>
                </a:cubicBezTo>
                <a:cubicBezTo>
                  <a:pt x="479" y="819"/>
                  <a:pt x="479" y="819"/>
                  <a:pt x="479" y="819"/>
                </a:cubicBezTo>
                <a:cubicBezTo>
                  <a:pt x="401" y="1200"/>
                  <a:pt x="401" y="1200"/>
                  <a:pt x="401" y="1200"/>
                </a:cubicBezTo>
                <a:lnTo>
                  <a:pt x="273" y="1200"/>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a:p>
        </p:txBody>
      </p:sp>
      <p:sp>
        <p:nvSpPr>
          <p:cNvPr id="8" name="Date Placeholder 7">
            <a:extLst>
              <a:ext uri="{FF2B5EF4-FFF2-40B4-BE49-F238E27FC236}">
                <a16:creationId xmlns:a16="http://schemas.microsoft.com/office/drawing/2014/main" id="{BEE11BD8-6580-41DD-940E-B1D1B8B2E210}"/>
              </a:ext>
            </a:extLst>
          </p:cNvPr>
          <p:cNvSpPr>
            <a:spLocks noGrp="1"/>
          </p:cNvSpPr>
          <p:nvPr>
            <p:ph type="dt" sz="half" idx="14"/>
          </p:nvPr>
        </p:nvSpPr>
        <p:spPr/>
        <p:txBody>
          <a:bodyPr/>
          <a:lstStyle>
            <a:lvl1pPr>
              <a:defRPr>
                <a:solidFill>
                  <a:schemeClr val="accent1"/>
                </a:solidFill>
              </a:defRPr>
            </a:lvl1pPr>
          </a:lstStyle>
          <a:p>
            <a:fld id="{D8F5EBA1-C1C2-4F6F-970D-CFE4A81E1DB0}" type="datetime3">
              <a:rPr lang="en-US" smtClean="0"/>
              <a:pPr/>
              <a:t>8 November 2023</a:t>
            </a:fld>
            <a:endParaRPr lang="en-US" dirty="0"/>
          </a:p>
        </p:txBody>
      </p:sp>
      <p:sp>
        <p:nvSpPr>
          <p:cNvPr id="10" name="Footer Placeholder 9">
            <a:extLst>
              <a:ext uri="{FF2B5EF4-FFF2-40B4-BE49-F238E27FC236}">
                <a16:creationId xmlns:a16="http://schemas.microsoft.com/office/drawing/2014/main" id="{897A30E8-35A3-4CE7-93BA-293D648C86FF}"/>
              </a:ext>
            </a:extLst>
          </p:cNvPr>
          <p:cNvSpPr>
            <a:spLocks noGrp="1"/>
          </p:cNvSpPr>
          <p:nvPr>
            <p:ph type="ftr" sz="quarter" idx="15"/>
          </p:nvPr>
        </p:nvSpPr>
        <p:spPr/>
        <p:txBody>
          <a:bodyPr/>
          <a:lstStyle>
            <a:lvl1pPr>
              <a:defRPr>
                <a:solidFill>
                  <a:schemeClr val="accent1"/>
                </a:solidFill>
              </a:defRPr>
            </a:lvl1pPr>
          </a:lstStyle>
          <a:p>
            <a:endParaRPr lang="en-US" dirty="0"/>
          </a:p>
        </p:txBody>
      </p:sp>
      <p:sp>
        <p:nvSpPr>
          <p:cNvPr id="11" name="Slide Number Placeholder 10">
            <a:extLst>
              <a:ext uri="{FF2B5EF4-FFF2-40B4-BE49-F238E27FC236}">
                <a16:creationId xmlns:a16="http://schemas.microsoft.com/office/drawing/2014/main" id="{69738BE3-1506-4C98-A8EE-0BB4912D32CC}"/>
              </a:ext>
            </a:extLst>
          </p:cNvPr>
          <p:cNvSpPr>
            <a:spLocks noGrp="1"/>
          </p:cNvSpPr>
          <p:nvPr>
            <p:ph type="sldNum" sz="quarter" idx="16"/>
          </p:nvPr>
        </p:nvSpPr>
        <p:spPr/>
        <p:txBody>
          <a:bodyPr/>
          <a:lstStyle>
            <a:lvl1pPr>
              <a:defRPr>
                <a:solidFill>
                  <a:schemeClr val="accent1"/>
                </a:solidFill>
              </a:defRPr>
            </a:lvl1pPr>
          </a:lstStyle>
          <a:p>
            <a:fld id="{1A9E565A-6679-4A67-8FB7-14EA342FD6E1}" type="slidenum">
              <a:rPr lang="en-US" smtClean="0"/>
              <a:pPr/>
              <a:t>‹#›</a:t>
            </a:fld>
            <a:endParaRPr lang="en-US" dirty="0"/>
          </a:p>
        </p:txBody>
      </p:sp>
    </p:spTree>
    <p:extLst>
      <p:ext uri="{BB962C8B-B14F-4D97-AF65-F5344CB8AC3E}">
        <p14:creationId xmlns:p14="http://schemas.microsoft.com/office/powerpoint/2010/main" val="1319739056"/>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WHITE_TextSlide_1-colum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60821CC-265E-473E-BD96-BC93B6A49D4D}"/>
              </a:ext>
            </a:extLst>
          </p:cNvPr>
          <p:cNvSpPr>
            <a:spLocks noGrp="1"/>
          </p:cNvSpPr>
          <p:nvPr>
            <p:ph type="title"/>
          </p:nvPr>
        </p:nvSpPr>
        <p:spPr/>
        <p:txBody>
          <a:bodyPr/>
          <a:lstStyle>
            <a:lvl1pPr>
              <a:defRPr>
                <a:solidFill>
                  <a:schemeClr val="accent1"/>
                </a:solidFill>
              </a:defRPr>
            </a:lvl1pPr>
          </a:lstStyle>
          <a:p>
            <a:r>
              <a:rPr lang="en-US"/>
              <a:t>Click to edit Master title style</a:t>
            </a:r>
            <a:endParaRPr lang="en-US" dirty="0"/>
          </a:p>
        </p:txBody>
      </p:sp>
      <p:sp>
        <p:nvSpPr>
          <p:cNvPr id="3" name="Content Placeholder 2">
            <a:extLst>
              <a:ext uri="{FF2B5EF4-FFF2-40B4-BE49-F238E27FC236}">
                <a16:creationId xmlns:a16="http://schemas.microsoft.com/office/drawing/2014/main" id="{F4C4D5EE-B9EC-4B8B-B697-CD3B955461AE}"/>
              </a:ext>
            </a:extLst>
          </p:cNvPr>
          <p:cNvSpPr>
            <a:spLocks noGrp="1"/>
          </p:cNvSpPr>
          <p:nvPr>
            <p:ph idx="1" hasCustomPrompt="1"/>
          </p:nvPr>
        </p:nvSpPr>
        <p:spPr/>
        <p:txBody>
          <a:bodyPr/>
          <a:lstStyle>
            <a:lvl1pPr>
              <a:defRPr/>
            </a:lvl1pPr>
            <a:lvl2pPr>
              <a:defRPr/>
            </a:lvl2pPr>
            <a:lvl3pPr>
              <a:defRPr/>
            </a:lvl3pPr>
            <a:lvl4pPr>
              <a:defRPr/>
            </a:lvl4pPr>
            <a:lvl5pPr>
              <a:defRPr>
                <a:solidFill>
                  <a:schemeClr val="accent1"/>
                </a:solidFill>
              </a:defRPr>
            </a:lvl5pPr>
            <a:lvl6pPr>
              <a:defRPr>
                <a:solidFill>
                  <a:schemeClr val="accent1"/>
                </a:solidFill>
              </a:defRPr>
            </a:lvl6pPr>
            <a:lvl7pPr>
              <a:defRPr>
                <a:solidFill>
                  <a:schemeClr val="accent1"/>
                </a:solidFill>
              </a:defRPr>
            </a:lvl7pPr>
            <a:lvl8pPr>
              <a:defRPr>
                <a:solidFill>
                  <a:schemeClr val="accent1"/>
                </a:solidFill>
              </a:defRPr>
            </a:lvl8pPr>
            <a:lvl9pPr>
              <a:defRPr>
                <a:solidFill>
                  <a:schemeClr val="accent1"/>
                </a:solidFill>
              </a:defRPr>
            </a:lvl9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a:t>
            </a:r>
          </a:p>
          <a:p>
            <a:pPr lvl="8"/>
            <a:r>
              <a:rPr lang="en-US" dirty="0"/>
              <a:t>Ninth level</a:t>
            </a:r>
          </a:p>
        </p:txBody>
      </p:sp>
      <p:sp>
        <p:nvSpPr>
          <p:cNvPr id="4" name="Date Placeholder 3">
            <a:extLst>
              <a:ext uri="{FF2B5EF4-FFF2-40B4-BE49-F238E27FC236}">
                <a16:creationId xmlns:a16="http://schemas.microsoft.com/office/drawing/2014/main" id="{6FDAC0F2-E162-4565-9679-1193BED926EA}"/>
              </a:ext>
            </a:extLst>
          </p:cNvPr>
          <p:cNvSpPr>
            <a:spLocks noGrp="1"/>
          </p:cNvSpPr>
          <p:nvPr>
            <p:ph type="dt" sz="half" idx="10"/>
          </p:nvPr>
        </p:nvSpPr>
        <p:spPr/>
        <p:txBody>
          <a:bodyPr/>
          <a:lstStyle>
            <a:lvl1pPr>
              <a:defRPr>
                <a:solidFill>
                  <a:schemeClr val="accent1"/>
                </a:solidFill>
              </a:defRPr>
            </a:lvl1pPr>
          </a:lstStyle>
          <a:p>
            <a:fld id="{198937FE-5C9B-40C9-8C55-48EB04CA346C}" type="datetime3">
              <a:rPr lang="en-US" smtClean="0"/>
              <a:pPr/>
              <a:t>8 November 2023</a:t>
            </a:fld>
            <a:endParaRPr lang="en-US"/>
          </a:p>
        </p:txBody>
      </p:sp>
      <p:sp>
        <p:nvSpPr>
          <p:cNvPr id="5" name="Footer Placeholder 4">
            <a:extLst>
              <a:ext uri="{FF2B5EF4-FFF2-40B4-BE49-F238E27FC236}">
                <a16:creationId xmlns:a16="http://schemas.microsoft.com/office/drawing/2014/main" id="{65EF2AD9-AF82-4B19-803C-572B453632B5}"/>
              </a:ext>
            </a:extLst>
          </p:cNvPr>
          <p:cNvSpPr>
            <a:spLocks noGrp="1"/>
          </p:cNvSpPr>
          <p:nvPr>
            <p:ph type="ftr" sz="quarter" idx="11"/>
          </p:nvPr>
        </p:nvSpPr>
        <p:spPr/>
        <p:txBody>
          <a:bodyPr/>
          <a:lstStyle>
            <a:lvl1pPr>
              <a:defRPr>
                <a:solidFill>
                  <a:schemeClr val="accent1"/>
                </a:solidFill>
              </a:defRPr>
            </a:lvl1pPr>
          </a:lstStyle>
          <a:p>
            <a:endParaRPr lang="en-US"/>
          </a:p>
        </p:txBody>
      </p:sp>
      <p:sp>
        <p:nvSpPr>
          <p:cNvPr id="6" name="Slide Number Placeholder 5">
            <a:extLst>
              <a:ext uri="{FF2B5EF4-FFF2-40B4-BE49-F238E27FC236}">
                <a16:creationId xmlns:a16="http://schemas.microsoft.com/office/drawing/2014/main" id="{8AE3A021-2616-4326-A4F5-4398F8F6104D}"/>
              </a:ext>
            </a:extLst>
          </p:cNvPr>
          <p:cNvSpPr>
            <a:spLocks noGrp="1"/>
          </p:cNvSpPr>
          <p:nvPr>
            <p:ph type="sldNum" sz="quarter" idx="12"/>
          </p:nvPr>
        </p:nvSpPr>
        <p:spPr/>
        <p:txBody>
          <a:bodyPr/>
          <a:lstStyle>
            <a:lvl1pPr>
              <a:defRPr>
                <a:solidFill>
                  <a:schemeClr val="accent1"/>
                </a:solidFill>
              </a:defRPr>
            </a:lvl1pPr>
          </a:lstStyle>
          <a:p>
            <a:fld id="{1A9E565A-6679-4A67-8FB7-14EA342FD6E1}" type="slidenum">
              <a:rPr lang="en-US" smtClean="0"/>
              <a:pPr/>
              <a:t>‹#›</a:t>
            </a:fld>
            <a:endParaRPr lang="en-US"/>
          </a:p>
        </p:txBody>
      </p:sp>
      <p:sp>
        <p:nvSpPr>
          <p:cNvPr id="7" name="Freeform 5">
            <a:extLst>
              <a:ext uri="{FF2B5EF4-FFF2-40B4-BE49-F238E27FC236}">
                <a16:creationId xmlns:a16="http://schemas.microsoft.com/office/drawing/2014/main" id="{0D518933-C06B-479E-8487-1189C2548F67}"/>
              </a:ext>
            </a:extLst>
          </p:cNvPr>
          <p:cNvSpPr>
            <a:spLocks noChangeAspect="1" noEditPoints="1"/>
          </p:cNvSpPr>
          <p:nvPr userDrawn="1"/>
        </p:nvSpPr>
        <p:spPr bwMode="auto">
          <a:xfrm>
            <a:off x="10910325" y="5917889"/>
            <a:ext cx="900000" cy="563616"/>
          </a:xfrm>
          <a:custGeom>
            <a:avLst/>
            <a:gdLst>
              <a:gd name="T0" fmla="*/ 971 w 1920"/>
              <a:gd name="T1" fmla="*/ 446 h 1200"/>
              <a:gd name="T2" fmla="*/ 860 w 1920"/>
              <a:gd name="T3" fmla="*/ 461 h 1200"/>
              <a:gd name="T4" fmla="*/ 971 w 1920"/>
              <a:gd name="T5" fmla="*/ 12 h 1200"/>
              <a:gd name="T6" fmla="*/ 971 w 1920"/>
              <a:gd name="T7" fmla="*/ 12 h 1200"/>
              <a:gd name="T8" fmla="*/ 950 w 1920"/>
              <a:gd name="T9" fmla="*/ 137 h 1200"/>
              <a:gd name="T10" fmla="*/ 971 w 1920"/>
              <a:gd name="T11" fmla="*/ 301 h 1200"/>
              <a:gd name="T12" fmla="*/ 971 w 1920"/>
              <a:gd name="T13" fmla="*/ 424 h 1200"/>
              <a:gd name="T14" fmla="*/ 1092 w 1920"/>
              <a:gd name="T15" fmla="*/ 451 h 1200"/>
              <a:gd name="T16" fmla="*/ 1154 w 1920"/>
              <a:gd name="T17" fmla="*/ 514 h 1200"/>
              <a:gd name="T18" fmla="*/ 1154 w 1920"/>
              <a:gd name="T19" fmla="*/ 514 h 1200"/>
              <a:gd name="T20" fmla="*/ 816 w 1920"/>
              <a:gd name="T21" fmla="*/ 301 h 1200"/>
              <a:gd name="T22" fmla="*/ 660 w 1920"/>
              <a:gd name="T23" fmla="*/ 301 h 1200"/>
              <a:gd name="T24" fmla="*/ 749 w 1920"/>
              <a:gd name="T25" fmla="*/ 500 h 1200"/>
              <a:gd name="T26" fmla="*/ 839 w 1920"/>
              <a:gd name="T27" fmla="*/ 470 h 1200"/>
              <a:gd name="T28" fmla="*/ 971 w 1920"/>
              <a:gd name="T29" fmla="*/ 158 h 1200"/>
              <a:gd name="T30" fmla="*/ 1071 w 1920"/>
              <a:gd name="T31" fmla="*/ 139 h 1200"/>
              <a:gd name="T32" fmla="*/ 1127 w 1920"/>
              <a:gd name="T33" fmla="*/ 280 h 1200"/>
              <a:gd name="T34" fmla="*/ 1260 w 1920"/>
              <a:gd name="T35" fmla="*/ 280 h 1200"/>
              <a:gd name="T36" fmla="*/ 990 w 1920"/>
              <a:gd name="T37" fmla="*/ 0 h 1200"/>
              <a:gd name="T38" fmla="*/ 950 w 1920"/>
              <a:gd name="T39" fmla="*/ 280 h 1200"/>
              <a:gd name="T40" fmla="*/ 950 w 1920"/>
              <a:gd name="T41" fmla="*/ 158 h 1200"/>
              <a:gd name="T42" fmla="*/ 829 w 1920"/>
              <a:gd name="T43" fmla="*/ 131 h 1200"/>
              <a:gd name="T44" fmla="*/ 765 w 1920"/>
              <a:gd name="T45" fmla="*/ 67 h 1200"/>
              <a:gd name="T46" fmla="*/ 765 w 1920"/>
              <a:gd name="T47" fmla="*/ 67 h 1200"/>
              <a:gd name="T48" fmla="*/ 849 w 1920"/>
              <a:gd name="T49" fmla="*/ 646 h 1200"/>
              <a:gd name="T50" fmla="*/ 282 w 1920"/>
              <a:gd name="T51" fmla="*/ 671 h 1200"/>
              <a:gd name="T52" fmla="*/ 289 w 1920"/>
              <a:gd name="T53" fmla="*/ 650 h 1200"/>
              <a:gd name="T54" fmla="*/ 565 w 1920"/>
              <a:gd name="T55" fmla="*/ 556 h 1200"/>
              <a:gd name="T56" fmla="*/ 515 w 1920"/>
              <a:gd name="T57" fmla="*/ 483 h 1200"/>
              <a:gd name="T58" fmla="*/ 0 w 1920"/>
              <a:gd name="T59" fmla="*/ 388 h 1200"/>
              <a:gd name="T60" fmla="*/ 1071 w 1920"/>
              <a:gd name="T61" fmla="*/ 646 h 1200"/>
              <a:gd name="T62" fmla="*/ 1638 w 1920"/>
              <a:gd name="T63" fmla="*/ 671 h 1200"/>
              <a:gd name="T64" fmla="*/ 1631 w 1920"/>
              <a:gd name="T65" fmla="*/ 650 h 1200"/>
              <a:gd name="T66" fmla="*/ 1355 w 1920"/>
              <a:gd name="T67" fmla="*/ 556 h 1200"/>
              <a:gd name="T68" fmla="*/ 1405 w 1920"/>
              <a:gd name="T69" fmla="*/ 483 h 1200"/>
              <a:gd name="T70" fmla="*/ 1920 w 1920"/>
              <a:gd name="T71" fmla="*/ 388 h 1200"/>
              <a:gd name="T72" fmla="*/ 1563 w 1920"/>
              <a:gd name="T73" fmla="*/ 819 h 1200"/>
              <a:gd name="T74" fmla="*/ 1518 w 1920"/>
              <a:gd name="T75" fmla="*/ 1155 h 1200"/>
              <a:gd name="T76" fmla="*/ 1245 w 1920"/>
              <a:gd name="T77" fmla="*/ 1200 h 1200"/>
              <a:gd name="T78" fmla="*/ 1483 w 1920"/>
              <a:gd name="T79" fmla="*/ 936 h 1200"/>
              <a:gd name="T80" fmla="*/ 1038 w 1920"/>
              <a:gd name="T81" fmla="*/ 914 h 1200"/>
              <a:gd name="T82" fmla="*/ 1289 w 1920"/>
              <a:gd name="T83" fmla="*/ 817 h 1200"/>
              <a:gd name="T84" fmla="*/ 1120 w 1920"/>
              <a:gd name="T85" fmla="*/ 1200 h 1200"/>
              <a:gd name="T86" fmla="*/ 672 w 1920"/>
              <a:gd name="T87" fmla="*/ 819 h 1200"/>
              <a:gd name="T88" fmla="*/ 759 w 1920"/>
              <a:gd name="T89" fmla="*/ 1200 h 1200"/>
              <a:gd name="T90" fmla="*/ 606 w 1920"/>
              <a:gd name="T91" fmla="*/ 1200 h 1200"/>
              <a:gd name="T92" fmla="*/ 739 w 1920"/>
              <a:gd name="T93" fmla="*/ 1075 h 1200"/>
              <a:gd name="T94" fmla="*/ 273 w 1920"/>
              <a:gd name="T95" fmla="*/ 1200 h 1200"/>
              <a:gd name="T96" fmla="*/ 401 w 1920"/>
              <a:gd name="T97" fmla="*/ 1200 h 1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920" h="1200">
                <a:moveTo>
                  <a:pt x="971" y="571"/>
                </a:moveTo>
                <a:cubicBezTo>
                  <a:pt x="1007" y="542"/>
                  <a:pt x="1039" y="503"/>
                  <a:pt x="1060" y="461"/>
                </a:cubicBezTo>
                <a:cubicBezTo>
                  <a:pt x="1032" y="452"/>
                  <a:pt x="1001" y="446"/>
                  <a:pt x="971" y="446"/>
                </a:cubicBezTo>
                <a:lnTo>
                  <a:pt x="971" y="571"/>
                </a:lnTo>
                <a:close/>
                <a:moveTo>
                  <a:pt x="950" y="569"/>
                </a:moveTo>
                <a:cubicBezTo>
                  <a:pt x="913" y="542"/>
                  <a:pt x="881" y="503"/>
                  <a:pt x="860" y="461"/>
                </a:cubicBezTo>
                <a:cubicBezTo>
                  <a:pt x="888" y="451"/>
                  <a:pt x="919" y="446"/>
                  <a:pt x="950" y="446"/>
                </a:cubicBezTo>
                <a:lnTo>
                  <a:pt x="950" y="569"/>
                </a:lnTo>
                <a:close/>
                <a:moveTo>
                  <a:pt x="971" y="12"/>
                </a:moveTo>
                <a:cubicBezTo>
                  <a:pt x="1007" y="41"/>
                  <a:pt x="1039" y="79"/>
                  <a:pt x="1060" y="120"/>
                </a:cubicBezTo>
                <a:cubicBezTo>
                  <a:pt x="1032" y="130"/>
                  <a:pt x="1001" y="137"/>
                  <a:pt x="971" y="137"/>
                </a:cubicBezTo>
                <a:lnTo>
                  <a:pt x="971" y="12"/>
                </a:lnTo>
                <a:close/>
                <a:moveTo>
                  <a:pt x="950" y="12"/>
                </a:moveTo>
                <a:cubicBezTo>
                  <a:pt x="913" y="41"/>
                  <a:pt x="881" y="80"/>
                  <a:pt x="860" y="120"/>
                </a:cubicBezTo>
                <a:cubicBezTo>
                  <a:pt x="888" y="129"/>
                  <a:pt x="919" y="137"/>
                  <a:pt x="950" y="137"/>
                </a:cubicBezTo>
                <a:lnTo>
                  <a:pt x="950" y="12"/>
                </a:lnTo>
                <a:close/>
                <a:moveTo>
                  <a:pt x="971" y="424"/>
                </a:moveTo>
                <a:cubicBezTo>
                  <a:pt x="971" y="301"/>
                  <a:pt x="971" y="301"/>
                  <a:pt x="971" y="301"/>
                </a:cubicBezTo>
                <a:cubicBezTo>
                  <a:pt x="1104" y="301"/>
                  <a:pt x="1104" y="301"/>
                  <a:pt x="1104" y="301"/>
                </a:cubicBezTo>
                <a:cubicBezTo>
                  <a:pt x="1104" y="350"/>
                  <a:pt x="1092" y="398"/>
                  <a:pt x="1071" y="443"/>
                </a:cubicBezTo>
                <a:cubicBezTo>
                  <a:pt x="1040" y="432"/>
                  <a:pt x="1004" y="424"/>
                  <a:pt x="971" y="424"/>
                </a:cubicBezTo>
                <a:moveTo>
                  <a:pt x="1260" y="301"/>
                </a:moveTo>
                <a:cubicBezTo>
                  <a:pt x="1127" y="301"/>
                  <a:pt x="1127" y="301"/>
                  <a:pt x="1127" y="301"/>
                </a:cubicBezTo>
                <a:cubicBezTo>
                  <a:pt x="1125" y="355"/>
                  <a:pt x="1114" y="403"/>
                  <a:pt x="1092" y="451"/>
                </a:cubicBezTo>
                <a:cubicBezTo>
                  <a:pt x="1120" y="464"/>
                  <a:pt x="1146" y="480"/>
                  <a:pt x="1171" y="500"/>
                </a:cubicBezTo>
                <a:cubicBezTo>
                  <a:pt x="1225" y="447"/>
                  <a:pt x="1257" y="375"/>
                  <a:pt x="1260" y="301"/>
                </a:cubicBezTo>
                <a:moveTo>
                  <a:pt x="1154" y="514"/>
                </a:moveTo>
                <a:cubicBezTo>
                  <a:pt x="1133" y="496"/>
                  <a:pt x="1107" y="480"/>
                  <a:pt x="1081" y="470"/>
                </a:cubicBezTo>
                <a:cubicBezTo>
                  <a:pt x="1057" y="513"/>
                  <a:pt x="1028" y="549"/>
                  <a:pt x="990" y="582"/>
                </a:cubicBezTo>
                <a:cubicBezTo>
                  <a:pt x="1051" y="574"/>
                  <a:pt x="1107" y="552"/>
                  <a:pt x="1154" y="514"/>
                </a:cubicBezTo>
                <a:moveTo>
                  <a:pt x="950" y="424"/>
                </a:moveTo>
                <a:cubicBezTo>
                  <a:pt x="950" y="301"/>
                  <a:pt x="950" y="301"/>
                  <a:pt x="950" y="301"/>
                </a:cubicBezTo>
                <a:cubicBezTo>
                  <a:pt x="816" y="301"/>
                  <a:pt x="816" y="301"/>
                  <a:pt x="816" y="301"/>
                </a:cubicBezTo>
                <a:cubicBezTo>
                  <a:pt x="817" y="350"/>
                  <a:pt x="828" y="399"/>
                  <a:pt x="849" y="443"/>
                </a:cubicBezTo>
                <a:cubicBezTo>
                  <a:pt x="881" y="432"/>
                  <a:pt x="915" y="424"/>
                  <a:pt x="950" y="424"/>
                </a:cubicBezTo>
                <a:moveTo>
                  <a:pt x="660" y="301"/>
                </a:moveTo>
                <a:cubicBezTo>
                  <a:pt x="793" y="301"/>
                  <a:pt x="793" y="301"/>
                  <a:pt x="793" y="301"/>
                </a:cubicBezTo>
                <a:cubicBezTo>
                  <a:pt x="796" y="355"/>
                  <a:pt x="808" y="402"/>
                  <a:pt x="829" y="451"/>
                </a:cubicBezTo>
                <a:cubicBezTo>
                  <a:pt x="800" y="464"/>
                  <a:pt x="774" y="480"/>
                  <a:pt x="749" y="500"/>
                </a:cubicBezTo>
                <a:cubicBezTo>
                  <a:pt x="695" y="447"/>
                  <a:pt x="664" y="377"/>
                  <a:pt x="660" y="301"/>
                </a:cubicBezTo>
                <a:moveTo>
                  <a:pt x="765" y="514"/>
                </a:moveTo>
                <a:cubicBezTo>
                  <a:pt x="788" y="497"/>
                  <a:pt x="813" y="479"/>
                  <a:pt x="839" y="470"/>
                </a:cubicBezTo>
                <a:cubicBezTo>
                  <a:pt x="863" y="513"/>
                  <a:pt x="892" y="549"/>
                  <a:pt x="930" y="582"/>
                </a:cubicBezTo>
                <a:cubicBezTo>
                  <a:pt x="869" y="574"/>
                  <a:pt x="812" y="552"/>
                  <a:pt x="765" y="514"/>
                </a:cubicBezTo>
                <a:moveTo>
                  <a:pt x="971" y="158"/>
                </a:moveTo>
                <a:cubicBezTo>
                  <a:pt x="971" y="280"/>
                  <a:pt x="971" y="280"/>
                  <a:pt x="971" y="280"/>
                </a:cubicBezTo>
                <a:cubicBezTo>
                  <a:pt x="1104" y="280"/>
                  <a:pt x="1104" y="280"/>
                  <a:pt x="1104" y="280"/>
                </a:cubicBezTo>
                <a:cubicBezTo>
                  <a:pt x="1104" y="231"/>
                  <a:pt x="1092" y="184"/>
                  <a:pt x="1071" y="139"/>
                </a:cubicBezTo>
                <a:cubicBezTo>
                  <a:pt x="1039" y="150"/>
                  <a:pt x="1005" y="157"/>
                  <a:pt x="971" y="158"/>
                </a:cubicBezTo>
                <a:moveTo>
                  <a:pt x="1260" y="280"/>
                </a:moveTo>
                <a:cubicBezTo>
                  <a:pt x="1127" y="280"/>
                  <a:pt x="1127" y="280"/>
                  <a:pt x="1127" y="280"/>
                </a:cubicBezTo>
                <a:cubicBezTo>
                  <a:pt x="1125" y="227"/>
                  <a:pt x="1113" y="178"/>
                  <a:pt x="1092" y="131"/>
                </a:cubicBezTo>
                <a:cubicBezTo>
                  <a:pt x="1120" y="118"/>
                  <a:pt x="1147" y="102"/>
                  <a:pt x="1171" y="82"/>
                </a:cubicBezTo>
                <a:cubicBezTo>
                  <a:pt x="1228" y="138"/>
                  <a:pt x="1257" y="207"/>
                  <a:pt x="1260" y="280"/>
                </a:cubicBezTo>
                <a:moveTo>
                  <a:pt x="1154" y="67"/>
                </a:moveTo>
                <a:cubicBezTo>
                  <a:pt x="1133" y="86"/>
                  <a:pt x="1107" y="103"/>
                  <a:pt x="1081" y="113"/>
                </a:cubicBezTo>
                <a:cubicBezTo>
                  <a:pt x="1057" y="68"/>
                  <a:pt x="1028" y="33"/>
                  <a:pt x="990" y="0"/>
                </a:cubicBezTo>
                <a:cubicBezTo>
                  <a:pt x="1051" y="7"/>
                  <a:pt x="1107" y="30"/>
                  <a:pt x="1154" y="67"/>
                </a:cubicBezTo>
                <a:moveTo>
                  <a:pt x="950" y="158"/>
                </a:moveTo>
                <a:cubicBezTo>
                  <a:pt x="950" y="280"/>
                  <a:pt x="950" y="280"/>
                  <a:pt x="950" y="280"/>
                </a:cubicBezTo>
                <a:cubicBezTo>
                  <a:pt x="816" y="280"/>
                  <a:pt x="816" y="280"/>
                  <a:pt x="816" y="280"/>
                </a:cubicBezTo>
                <a:cubicBezTo>
                  <a:pt x="817" y="232"/>
                  <a:pt x="828" y="183"/>
                  <a:pt x="849" y="139"/>
                </a:cubicBezTo>
                <a:cubicBezTo>
                  <a:pt x="881" y="150"/>
                  <a:pt x="915" y="157"/>
                  <a:pt x="950" y="158"/>
                </a:cubicBezTo>
                <a:moveTo>
                  <a:pt x="660" y="280"/>
                </a:moveTo>
                <a:cubicBezTo>
                  <a:pt x="793" y="280"/>
                  <a:pt x="793" y="280"/>
                  <a:pt x="793" y="280"/>
                </a:cubicBezTo>
                <a:cubicBezTo>
                  <a:pt x="796" y="227"/>
                  <a:pt x="808" y="179"/>
                  <a:pt x="829" y="131"/>
                </a:cubicBezTo>
                <a:cubicBezTo>
                  <a:pt x="800" y="118"/>
                  <a:pt x="774" y="103"/>
                  <a:pt x="749" y="82"/>
                </a:cubicBezTo>
                <a:cubicBezTo>
                  <a:pt x="694" y="136"/>
                  <a:pt x="664" y="205"/>
                  <a:pt x="660" y="280"/>
                </a:cubicBezTo>
                <a:moveTo>
                  <a:pt x="765" y="67"/>
                </a:moveTo>
                <a:cubicBezTo>
                  <a:pt x="788" y="86"/>
                  <a:pt x="812" y="103"/>
                  <a:pt x="839" y="113"/>
                </a:cubicBezTo>
                <a:cubicBezTo>
                  <a:pt x="862" y="69"/>
                  <a:pt x="893" y="32"/>
                  <a:pt x="930" y="0"/>
                </a:cubicBezTo>
                <a:cubicBezTo>
                  <a:pt x="869" y="7"/>
                  <a:pt x="813" y="30"/>
                  <a:pt x="765" y="67"/>
                </a:cubicBezTo>
                <a:moveTo>
                  <a:pt x="0" y="388"/>
                </a:moveTo>
                <a:cubicBezTo>
                  <a:pt x="600" y="388"/>
                  <a:pt x="600" y="388"/>
                  <a:pt x="600" y="388"/>
                </a:cubicBezTo>
                <a:cubicBezTo>
                  <a:pt x="622" y="495"/>
                  <a:pt x="698" y="584"/>
                  <a:pt x="849" y="646"/>
                </a:cubicBezTo>
                <a:cubicBezTo>
                  <a:pt x="832" y="697"/>
                  <a:pt x="773" y="744"/>
                  <a:pt x="712" y="744"/>
                </a:cubicBezTo>
                <a:cubicBezTo>
                  <a:pt x="387" y="744"/>
                  <a:pt x="387" y="744"/>
                  <a:pt x="387" y="744"/>
                </a:cubicBezTo>
                <a:cubicBezTo>
                  <a:pt x="337" y="744"/>
                  <a:pt x="298" y="703"/>
                  <a:pt x="282" y="671"/>
                </a:cubicBezTo>
                <a:cubicBezTo>
                  <a:pt x="613" y="671"/>
                  <a:pt x="613" y="671"/>
                  <a:pt x="613" y="671"/>
                </a:cubicBezTo>
                <a:cubicBezTo>
                  <a:pt x="633" y="668"/>
                  <a:pt x="634" y="652"/>
                  <a:pt x="614" y="650"/>
                </a:cubicBezTo>
                <a:cubicBezTo>
                  <a:pt x="289" y="650"/>
                  <a:pt x="289" y="650"/>
                  <a:pt x="289" y="650"/>
                </a:cubicBezTo>
                <a:cubicBezTo>
                  <a:pt x="247" y="650"/>
                  <a:pt x="209" y="615"/>
                  <a:pt x="187" y="577"/>
                </a:cubicBezTo>
                <a:cubicBezTo>
                  <a:pt x="565" y="577"/>
                  <a:pt x="565" y="577"/>
                  <a:pt x="565" y="577"/>
                </a:cubicBezTo>
                <a:cubicBezTo>
                  <a:pt x="584" y="574"/>
                  <a:pt x="584" y="558"/>
                  <a:pt x="565" y="556"/>
                </a:cubicBezTo>
                <a:cubicBezTo>
                  <a:pt x="184" y="556"/>
                  <a:pt x="184" y="556"/>
                  <a:pt x="184" y="556"/>
                </a:cubicBezTo>
                <a:cubicBezTo>
                  <a:pt x="146" y="556"/>
                  <a:pt x="111" y="512"/>
                  <a:pt x="96" y="483"/>
                </a:cubicBezTo>
                <a:cubicBezTo>
                  <a:pt x="515" y="483"/>
                  <a:pt x="515" y="483"/>
                  <a:pt x="515" y="483"/>
                </a:cubicBezTo>
                <a:cubicBezTo>
                  <a:pt x="536" y="480"/>
                  <a:pt x="536" y="461"/>
                  <a:pt x="515" y="460"/>
                </a:cubicBezTo>
                <a:cubicBezTo>
                  <a:pt x="89" y="460"/>
                  <a:pt x="89" y="460"/>
                  <a:pt x="89" y="460"/>
                </a:cubicBezTo>
                <a:cubicBezTo>
                  <a:pt x="55" y="460"/>
                  <a:pt x="23" y="425"/>
                  <a:pt x="0" y="388"/>
                </a:cubicBezTo>
                <a:moveTo>
                  <a:pt x="1920" y="388"/>
                </a:moveTo>
                <a:cubicBezTo>
                  <a:pt x="1320" y="388"/>
                  <a:pt x="1320" y="388"/>
                  <a:pt x="1320" y="388"/>
                </a:cubicBezTo>
                <a:cubicBezTo>
                  <a:pt x="1298" y="495"/>
                  <a:pt x="1222" y="584"/>
                  <a:pt x="1071" y="646"/>
                </a:cubicBezTo>
                <a:cubicBezTo>
                  <a:pt x="1088" y="697"/>
                  <a:pt x="1147" y="744"/>
                  <a:pt x="1208" y="744"/>
                </a:cubicBezTo>
                <a:cubicBezTo>
                  <a:pt x="1533" y="744"/>
                  <a:pt x="1533" y="744"/>
                  <a:pt x="1533" y="744"/>
                </a:cubicBezTo>
                <a:cubicBezTo>
                  <a:pt x="1583" y="744"/>
                  <a:pt x="1622" y="703"/>
                  <a:pt x="1638" y="671"/>
                </a:cubicBezTo>
                <a:cubicBezTo>
                  <a:pt x="1307" y="671"/>
                  <a:pt x="1307" y="671"/>
                  <a:pt x="1307" y="671"/>
                </a:cubicBezTo>
                <a:cubicBezTo>
                  <a:pt x="1287" y="668"/>
                  <a:pt x="1286" y="652"/>
                  <a:pt x="1306" y="650"/>
                </a:cubicBezTo>
                <a:cubicBezTo>
                  <a:pt x="1631" y="650"/>
                  <a:pt x="1631" y="650"/>
                  <a:pt x="1631" y="650"/>
                </a:cubicBezTo>
                <a:cubicBezTo>
                  <a:pt x="1673" y="650"/>
                  <a:pt x="1711" y="615"/>
                  <a:pt x="1733" y="577"/>
                </a:cubicBezTo>
                <a:cubicBezTo>
                  <a:pt x="1355" y="577"/>
                  <a:pt x="1355" y="577"/>
                  <a:pt x="1355" y="577"/>
                </a:cubicBezTo>
                <a:cubicBezTo>
                  <a:pt x="1336" y="574"/>
                  <a:pt x="1336" y="558"/>
                  <a:pt x="1355" y="556"/>
                </a:cubicBezTo>
                <a:cubicBezTo>
                  <a:pt x="1736" y="556"/>
                  <a:pt x="1736" y="556"/>
                  <a:pt x="1736" y="556"/>
                </a:cubicBezTo>
                <a:cubicBezTo>
                  <a:pt x="1774" y="556"/>
                  <a:pt x="1809" y="512"/>
                  <a:pt x="1824" y="483"/>
                </a:cubicBezTo>
                <a:cubicBezTo>
                  <a:pt x="1405" y="483"/>
                  <a:pt x="1405" y="483"/>
                  <a:pt x="1405" y="483"/>
                </a:cubicBezTo>
                <a:cubicBezTo>
                  <a:pt x="1384" y="480"/>
                  <a:pt x="1384" y="461"/>
                  <a:pt x="1405" y="460"/>
                </a:cubicBezTo>
                <a:cubicBezTo>
                  <a:pt x="1831" y="460"/>
                  <a:pt x="1831" y="460"/>
                  <a:pt x="1831" y="460"/>
                </a:cubicBezTo>
                <a:cubicBezTo>
                  <a:pt x="1865" y="460"/>
                  <a:pt x="1897" y="425"/>
                  <a:pt x="1920" y="388"/>
                </a:cubicBezTo>
                <a:moveTo>
                  <a:pt x="1245" y="1200"/>
                </a:moveTo>
                <a:cubicBezTo>
                  <a:pt x="1437" y="819"/>
                  <a:pt x="1437" y="819"/>
                  <a:pt x="1437" y="819"/>
                </a:cubicBezTo>
                <a:cubicBezTo>
                  <a:pt x="1563" y="819"/>
                  <a:pt x="1563" y="819"/>
                  <a:pt x="1563" y="819"/>
                </a:cubicBezTo>
                <a:cubicBezTo>
                  <a:pt x="1643" y="1200"/>
                  <a:pt x="1643" y="1200"/>
                  <a:pt x="1643" y="1200"/>
                </a:cubicBezTo>
                <a:cubicBezTo>
                  <a:pt x="1523" y="1200"/>
                  <a:pt x="1523" y="1200"/>
                  <a:pt x="1523" y="1200"/>
                </a:cubicBezTo>
                <a:cubicBezTo>
                  <a:pt x="1518" y="1155"/>
                  <a:pt x="1518" y="1155"/>
                  <a:pt x="1518" y="1155"/>
                </a:cubicBezTo>
                <a:cubicBezTo>
                  <a:pt x="1392" y="1155"/>
                  <a:pt x="1392" y="1155"/>
                  <a:pt x="1392" y="1155"/>
                </a:cubicBezTo>
                <a:cubicBezTo>
                  <a:pt x="1371" y="1200"/>
                  <a:pt x="1371" y="1200"/>
                  <a:pt x="1371" y="1200"/>
                </a:cubicBezTo>
                <a:lnTo>
                  <a:pt x="1245" y="1200"/>
                </a:lnTo>
                <a:close/>
                <a:moveTo>
                  <a:pt x="1423" y="1075"/>
                </a:moveTo>
                <a:cubicBezTo>
                  <a:pt x="1504" y="1075"/>
                  <a:pt x="1504" y="1075"/>
                  <a:pt x="1504" y="1075"/>
                </a:cubicBezTo>
                <a:cubicBezTo>
                  <a:pt x="1483" y="936"/>
                  <a:pt x="1483" y="936"/>
                  <a:pt x="1483" y="936"/>
                </a:cubicBezTo>
                <a:lnTo>
                  <a:pt x="1423" y="1075"/>
                </a:lnTo>
                <a:close/>
                <a:moveTo>
                  <a:pt x="994" y="1200"/>
                </a:moveTo>
                <a:cubicBezTo>
                  <a:pt x="1038" y="914"/>
                  <a:pt x="1038" y="914"/>
                  <a:pt x="1038" y="914"/>
                </a:cubicBezTo>
                <a:cubicBezTo>
                  <a:pt x="927" y="914"/>
                  <a:pt x="927" y="914"/>
                  <a:pt x="927" y="914"/>
                </a:cubicBezTo>
                <a:cubicBezTo>
                  <a:pt x="946" y="817"/>
                  <a:pt x="946" y="817"/>
                  <a:pt x="946" y="817"/>
                </a:cubicBezTo>
                <a:cubicBezTo>
                  <a:pt x="1289" y="817"/>
                  <a:pt x="1289" y="817"/>
                  <a:pt x="1289" y="817"/>
                </a:cubicBezTo>
                <a:cubicBezTo>
                  <a:pt x="1269" y="914"/>
                  <a:pt x="1269" y="914"/>
                  <a:pt x="1269" y="914"/>
                </a:cubicBezTo>
                <a:cubicBezTo>
                  <a:pt x="1163" y="914"/>
                  <a:pt x="1163" y="914"/>
                  <a:pt x="1163" y="914"/>
                </a:cubicBezTo>
                <a:cubicBezTo>
                  <a:pt x="1120" y="1200"/>
                  <a:pt x="1120" y="1200"/>
                  <a:pt x="1120" y="1200"/>
                </a:cubicBezTo>
                <a:lnTo>
                  <a:pt x="994" y="1200"/>
                </a:lnTo>
                <a:close/>
                <a:moveTo>
                  <a:pt x="479" y="1200"/>
                </a:moveTo>
                <a:cubicBezTo>
                  <a:pt x="672" y="819"/>
                  <a:pt x="672" y="819"/>
                  <a:pt x="672" y="819"/>
                </a:cubicBezTo>
                <a:cubicBezTo>
                  <a:pt x="798" y="819"/>
                  <a:pt x="798" y="819"/>
                  <a:pt x="798" y="819"/>
                </a:cubicBezTo>
                <a:cubicBezTo>
                  <a:pt x="877" y="1200"/>
                  <a:pt x="877" y="1200"/>
                  <a:pt x="877" y="1200"/>
                </a:cubicBezTo>
                <a:cubicBezTo>
                  <a:pt x="759" y="1200"/>
                  <a:pt x="759" y="1200"/>
                  <a:pt x="759" y="1200"/>
                </a:cubicBezTo>
                <a:cubicBezTo>
                  <a:pt x="752" y="1155"/>
                  <a:pt x="752" y="1155"/>
                  <a:pt x="752" y="1155"/>
                </a:cubicBezTo>
                <a:cubicBezTo>
                  <a:pt x="626" y="1155"/>
                  <a:pt x="626" y="1155"/>
                  <a:pt x="626" y="1155"/>
                </a:cubicBezTo>
                <a:cubicBezTo>
                  <a:pt x="606" y="1200"/>
                  <a:pt x="606" y="1200"/>
                  <a:pt x="606" y="1200"/>
                </a:cubicBezTo>
                <a:lnTo>
                  <a:pt x="479" y="1200"/>
                </a:lnTo>
                <a:close/>
                <a:moveTo>
                  <a:pt x="657" y="1075"/>
                </a:moveTo>
                <a:cubicBezTo>
                  <a:pt x="739" y="1075"/>
                  <a:pt x="739" y="1075"/>
                  <a:pt x="739" y="1075"/>
                </a:cubicBezTo>
                <a:cubicBezTo>
                  <a:pt x="717" y="936"/>
                  <a:pt x="717" y="936"/>
                  <a:pt x="717" y="936"/>
                </a:cubicBezTo>
                <a:lnTo>
                  <a:pt x="657" y="1075"/>
                </a:lnTo>
                <a:close/>
                <a:moveTo>
                  <a:pt x="273" y="1200"/>
                </a:moveTo>
                <a:cubicBezTo>
                  <a:pt x="351" y="819"/>
                  <a:pt x="351" y="819"/>
                  <a:pt x="351" y="819"/>
                </a:cubicBezTo>
                <a:cubicBezTo>
                  <a:pt x="479" y="819"/>
                  <a:pt x="479" y="819"/>
                  <a:pt x="479" y="819"/>
                </a:cubicBezTo>
                <a:cubicBezTo>
                  <a:pt x="401" y="1200"/>
                  <a:pt x="401" y="1200"/>
                  <a:pt x="401" y="1200"/>
                </a:cubicBezTo>
                <a:lnTo>
                  <a:pt x="273" y="1200"/>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a:p>
        </p:txBody>
      </p:sp>
    </p:spTree>
    <p:extLst>
      <p:ext uri="{BB962C8B-B14F-4D97-AF65-F5344CB8AC3E}">
        <p14:creationId xmlns:p14="http://schemas.microsoft.com/office/powerpoint/2010/main" val="3120004702"/>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type="twoObj" preserve="1">
  <p:cSld name="WHITE_TextSlide_2-colum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6337838-0F4C-4B60-9EA9-A72EA5539849}"/>
              </a:ext>
            </a:extLst>
          </p:cNvPr>
          <p:cNvSpPr>
            <a:spLocks noGrp="1"/>
          </p:cNvSpPr>
          <p:nvPr>
            <p:ph type="title"/>
          </p:nvPr>
        </p:nvSpPr>
        <p:spPr>
          <a:xfrm>
            <a:off x="381000" y="365125"/>
            <a:ext cx="11429324" cy="609398"/>
          </a:xfrm>
        </p:spPr>
        <p:txBody>
          <a:bodyPr/>
          <a:lstStyle>
            <a:lvl1pPr>
              <a:defRPr>
                <a:solidFill>
                  <a:schemeClr val="accent1"/>
                </a:solidFill>
              </a:defRPr>
            </a:lvl1pPr>
          </a:lstStyle>
          <a:p>
            <a:r>
              <a:rPr lang="en-US"/>
              <a:t>Click to edit Master title style</a:t>
            </a:r>
          </a:p>
        </p:txBody>
      </p:sp>
      <p:sp>
        <p:nvSpPr>
          <p:cNvPr id="3" name="Content Placeholder 2">
            <a:extLst>
              <a:ext uri="{FF2B5EF4-FFF2-40B4-BE49-F238E27FC236}">
                <a16:creationId xmlns:a16="http://schemas.microsoft.com/office/drawing/2014/main" id="{D4CB9B81-F331-4A9C-BE92-11CAB2A6B4B3}"/>
              </a:ext>
            </a:extLst>
          </p:cNvPr>
          <p:cNvSpPr>
            <a:spLocks noGrp="1"/>
          </p:cNvSpPr>
          <p:nvPr>
            <p:ph sz="half" idx="1" hasCustomPrompt="1"/>
          </p:nvPr>
        </p:nvSpPr>
        <p:spPr>
          <a:xfrm>
            <a:off x="381676" y="1485900"/>
            <a:ext cx="5523824" cy="4267200"/>
          </a:xfrm>
        </p:spPr>
        <p:txBody>
          <a:bodyPr/>
          <a:lstStyle>
            <a:lvl1pPr>
              <a:defRPr/>
            </a:lvl1pPr>
            <a:lvl2pPr>
              <a:defRPr/>
            </a:lvl2pPr>
            <a:lvl3pPr>
              <a:defRPr/>
            </a:lvl3pPr>
            <a:lvl4pPr>
              <a:defRPr/>
            </a:lvl4pPr>
            <a:lvl5pPr>
              <a:defRPr>
                <a:solidFill>
                  <a:schemeClr val="accent1"/>
                </a:solidFill>
              </a:defRPr>
            </a:lvl5pPr>
            <a:lvl6pPr>
              <a:defRPr>
                <a:solidFill>
                  <a:schemeClr val="accent1"/>
                </a:solidFill>
              </a:defRPr>
            </a:lvl6pPr>
            <a:lvl7pPr>
              <a:defRPr>
                <a:solidFill>
                  <a:schemeClr val="accent1"/>
                </a:solidFill>
              </a:defRPr>
            </a:lvl7pPr>
            <a:lvl8pPr>
              <a:defRPr>
                <a:solidFill>
                  <a:schemeClr val="accent1"/>
                </a:solidFill>
              </a:defRPr>
            </a:lvl8pPr>
            <a:lvl9pPr>
              <a:defRPr>
                <a:solidFill>
                  <a:schemeClr val="accent1"/>
                </a:solidFill>
              </a:defRPr>
            </a:lvl9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a:t>
            </a:r>
          </a:p>
          <a:p>
            <a:pPr lvl="8"/>
            <a:r>
              <a:rPr lang="en-US" dirty="0"/>
              <a:t>Ninth level</a:t>
            </a:r>
          </a:p>
        </p:txBody>
      </p:sp>
      <p:sp>
        <p:nvSpPr>
          <p:cNvPr id="4" name="Content Placeholder 3">
            <a:extLst>
              <a:ext uri="{FF2B5EF4-FFF2-40B4-BE49-F238E27FC236}">
                <a16:creationId xmlns:a16="http://schemas.microsoft.com/office/drawing/2014/main" id="{A6FE12FA-2958-4BD2-846B-0E828DE720BE}"/>
              </a:ext>
            </a:extLst>
          </p:cNvPr>
          <p:cNvSpPr>
            <a:spLocks noGrp="1"/>
          </p:cNvSpPr>
          <p:nvPr>
            <p:ph sz="half" idx="2" hasCustomPrompt="1"/>
          </p:nvPr>
        </p:nvSpPr>
        <p:spPr>
          <a:xfrm>
            <a:off x="6287176" y="1485900"/>
            <a:ext cx="5523824" cy="4267200"/>
          </a:xfrm>
        </p:spPr>
        <p:txBody>
          <a:bodyPr/>
          <a:lstStyle>
            <a:lvl1pPr>
              <a:defRPr/>
            </a:lvl1pPr>
            <a:lvl2pPr>
              <a:defRPr/>
            </a:lvl2pPr>
            <a:lvl3pPr>
              <a:defRPr/>
            </a:lvl3pPr>
            <a:lvl4pPr>
              <a:defRPr/>
            </a:lvl4pPr>
            <a:lvl5pPr>
              <a:defRPr>
                <a:solidFill>
                  <a:schemeClr val="accent1"/>
                </a:solidFill>
              </a:defRPr>
            </a:lvl5pPr>
            <a:lvl6pPr>
              <a:defRPr>
                <a:solidFill>
                  <a:schemeClr val="accent1"/>
                </a:solidFill>
              </a:defRPr>
            </a:lvl6pPr>
            <a:lvl7pPr>
              <a:defRPr>
                <a:solidFill>
                  <a:schemeClr val="accent1"/>
                </a:solidFill>
              </a:defRPr>
            </a:lvl7pPr>
            <a:lvl8pPr>
              <a:defRPr>
                <a:solidFill>
                  <a:schemeClr val="accent1"/>
                </a:solidFill>
              </a:defRPr>
            </a:lvl8pPr>
            <a:lvl9pPr>
              <a:defRPr>
                <a:solidFill>
                  <a:schemeClr val="accent1"/>
                </a:solidFill>
              </a:defRPr>
            </a:lvl9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a:t>
            </a:r>
          </a:p>
          <a:p>
            <a:pPr lvl="8"/>
            <a:r>
              <a:rPr lang="en-US" dirty="0"/>
              <a:t>Ninth level</a:t>
            </a:r>
          </a:p>
        </p:txBody>
      </p:sp>
      <p:sp>
        <p:nvSpPr>
          <p:cNvPr id="5" name="Date Placeholder 4">
            <a:extLst>
              <a:ext uri="{FF2B5EF4-FFF2-40B4-BE49-F238E27FC236}">
                <a16:creationId xmlns:a16="http://schemas.microsoft.com/office/drawing/2014/main" id="{AA5227B3-9D23-4B0B-B20D-E90AB0E09E52}"/>
              </a:ext>
            </a:extLst>
          </p:cNvPr>
          <p:cNvSpPr>
            <a:spLocks noGrp="1"/>
          </p:cNvSpPr>
          <p:nvPr>
            <p:ph type="dt" sz="half" idx="10"/>
          </p:nvPr>
        </p:nvSpPr>
        <p:spPr/>
        <p:txBody>
          <a:bodyPr/>
          <a:lstStyle>
            <a:lvl1pPr>
              <a:defRPr>
                <a:solidFill>
                  <a:schemeClr val="accent1"/>
                </a:solidFill>
              </a:defRPr>
            </a:lvl1pPr>
          </a:lstStyle>
          <a:p>
            <a:fld id="{97C326BA-A1F7-4E33-88FC-B76359D35FF4}" type="datetime3">
              <a:rPr lang="en-US" smtClean="0"/>
              <a:pPr/>
              <a:t>8 November 2023</a:t>
            </a:fld>
            <a:endParaRPr lang="en-US"/>
          </a:p>
        </p:txBody>
      </p:sp>
      <p:sp>
        <p:nvSpPr>
          <p:cNvPr id="6" name="Footer Placeholder 5">
            <a:extLst>
              <a:ext uri="{FF2B5EF4-FFF2-40B4-BE49-F238E27FC236}">
                <a16:creationId xmlns:a16="http://schemas.microsoft.com/office/drawing/2014/main" id="{3AF83FD3-9274-482A-8C94-F5BC022606D3}"/>
              </a:ext>
            </a:extLst>
          </p:cNvPr>
          <p:cNvSpPr>
            <a:spLocks noGrp="1"/>
          </p:cNvSpPr>
          <p:nvPr>
            <p:ph type="ftr" sz="quarter" idx="11"/>
          </p:nvPr>
        </p:nvSpPr>
        <p:spPr/>
        <p:txBody>
          <a:bodyPr/>
          <a:lstStyle>
            <a:lvl1pPr>
              <a:defRPr>
                <a:solidFill>
                  <a:schemeClr val="accent1"/>
                </a:solidFill>
              </a:defRPr>
            </a:lvl1pPr>
          </a:lstStyle>
          <a:p>
            <a:endParaRPr lang="en-US"/>
          </a:p>
        </p:txBody>
      </p:sp>
      <p:sp>
        <p:nvSpPr>
          <p:cNvPr id="7" name="Slide Number Placeholder 6">
            <a:extLst>
              <a:ext uri="{FF2B5EF4-FFF2-40B4-BE49-F238E27FC236}">
                <a16:creationId xmlns:a16="http://schemas.microsoft.com/office/drawing/2014/main" id="{ECC19CC5-1292-4F3E-AC14-45654E86320F}"/>
              </a:ext>
            </a:extLst>
          </p:cNvPr>
          <p:cNvSpPr>
            <a:spLocks noGrp="1"/>
          </p:cNvSpPr>
          <p:nvPr>
            <p:ph type="sldNum" sz="quarter" idx="12"/>
          </p:nvPr>
        </p:nvSpPr>
        <p:spPr/>
        <p:txBody>
          <a:bodyPr/>
          <a:lstStyle>
            <a:lvl1pPr>
              <a:defRPr>
                <a:solidFill>
                  <a:schemeClr val="accent1"/>
                </a:solidFill>
              </a:defRPr>
            </a:lvl1pPr>
          </a:lstStyle>
          <a:p>
            <a:fld id="{1A9E565A-6679-4A67-8FB7-14EA342FD6E1}" type="slidenum">
              <a:rPr lang="en-US" smtClean="0"/>
              <a:pPr/>
              <a:t>‹#›</a:t>
            </a:fld>
            <a:endParaRPr lang="en-US"/>
          </a:p>
        </p:txBody>
      </p:sp>
      <p:sp>
        <p:nvSpPr>
          <p:cNvPr id="8" name="Freeform 5">
            <a:extLst>
              <a:ext uri="{FF2B5EF4-FFF2-40B4-BE49-F238E27FC236}">
                <a16:creationId xmlns:a16="http://schemas.microsoft.com/office/drawing/2014/main" id="{5B7B4106-2F1F-45B9-9A64-FAC3DF7E09F5}"/>
              </a:ext>
            </a:extLst>
          </p:cNvPr>
          <p:cNvSpPr>
            <a:spLocks noChangeAspect="1" noEditPoints="1"/>
          </p:cNvSpPr>
          <p:nvPr userDrawn="1"/>
        </p:nvSpPr>
        <p:spPr bwMode="auto">
          <a:xfrm>
            <a:off x="10910325" y="5917889"/>
            <a:ext cx="900000" cy="563616"/>
          </a:xfrm>
          <a:custGeom>
            <a:avLst/>
            <a:gdLst>
              <a:gd name="T0" fmla="*/ 971 w 1920"/>
              <a:gd name="T1" fmla="*/ 446 h 1200"/>
              <a:gd name="T2" fmla="*/ 860 w 1920"/>
              <a:gd name="T3" fmla="*/ 461 h 1200"/>
              <a:gd name="T4" fmla="*/ 971 w 1920"/>
              <a:gd name="T5" fmla="*/ 12 h 1200"/>
              <a:gd name="T6" fmla="*/ 971 w 1920"/>
              <a:gd name="T7" fmla="*/ 12 h 1200"/>
              <a:gd name="T8" fmla="*/ 950 w 1920"/>
              <a:gd name="T9" fmla="*/ 137 h 1200"/>
              <a:gd name="T10" fmla="*/ 971 w 1920"/>
              <a:gd name="T11" fmla="*/ 301 h 1200"/>
              <a:gd name="T12" fmla="*/ 971 w 1920"/>
              <a:gd name="T13" fmla="*/ 424 h 1200"/>
              <a:gd name="T14" fmla="*/ 1092 w 1920"/>
              <a:gd name="T15" fmla="*/ 451 h 1200"/>
              <a:gd name="T16" fmla="*/ 1154 w 1920"/>
              <a:gd name="T17" fmla="*/ 514 h 1200"/>
              <a:gd name="T18" fmla="*/ 1154 w 1920"/>
              <a:gd name="T19" fmla="*/ 514 h 1200"/>
              <a:gd name="T20" fmla="*/ 816 w 1920"/>
              <a:gd name="T21" fmla="*/ 301 h 1200"/>
              <a:gd name="T22" fmla="*/ 660 w 1920"/>
              <a:gd name="T23" fmla="*/ 301 h 1200"/>
              <a:gd name="T24" fmla="*/ 749 w 1920"/>
              <a:gd name="T25" fmla="*/ 500 h 1200"/>
              <a:gd name="T26" fmla="*/ 839 w 1920"/>
              <a:gd name="T27" fmla="*/ 470 h 1200"/>
              <a:gd name="T28" fmla="*/ 971 w 1920"/>
              <a:gd name="T29" fmla="*/ 158 h 1200"/>
              <a:gd name="T30" fmla="*/ 1071 w 1920"/>
              <a:gd name="T31" fmla="*/ 139 h 1200"/>
              <a:gd name="T32" fmla="*/ 1127 w 1920"/>
              <a:gd name="T33" fmla="*/ 280 h 1200"/>
              <a:gd name="T34" fmla="*/ 1260 w 1920"/>
              <a:gd name="T35" fmla="*/ 280 h 1200"/>
              <a:gd name="T36" fmla="*/ 990 w 1920"/>
              <a:gd name="T37" fmla="*/ 0 h 1200"/>
              <a:gd name="T38" fmla="*/ 950 w 1920"/>
              <a:gd name="T39" fmla="*/ 280 h 1200"/>
              <a:gd name="T40" fmla="*/ 950 w 1920"/>
              <a:gd name="T41" fmla="*/ 158 h 1200"/>
              <a:gd name="T42" fmla="*/ 829 w 1920"/>
              <a:gd name="T43" fmla="*/ 131 h 1200"/>
              <a:gd name="T44" fmla="*/ 765 w 1920"/>
              <a:gd name="T45" fmla="*/ 67 h 1200"/>
              <a:gd name="T46" fmla="*/ 765 w 1920"/>
              <a:gd name="T47" fmla="*/ 67 h 1200"/>
              <a:gd name="T48" fmla="*/ 849 w 1920"/>
              <a:gd name="T49" fmla="*/ 646 h 1200"/>
              <a:gd name="T50" fmla="*/ 282 w 1920"/>
              <a:gd name="T51" fmla="*/ 671 h 1200"/>
              <a:gd name="T52" fmla="*/ 289 w 1920"/>
              <a:gd name="T53" fmla="*/ 650 h 1200"/>
              <a:gd name="T54" fmla="*/ 565 w 1920"/>
              <a:gd name="T55" fmla="*/ 556 h 1200"/>
              <a:gd name="T56" fmla="*/ 515 w 1920"/>
              <a:gd name="T57" fmla="*/ 483 h 1200"/>
              <a:gd name="T58" fmla="*/ 0 w 1920"/>
              <a:gd name="T59" fmla="*/ 388 h 1200"/>
              <a:gd name="T60" fmla="*/ 1071 w 1920"/>
              <a:gd name="T61" fmla="*/ 646 h 1200"/>
              <a:gd name="T62" fmla="*/ 1638 w 1920"/>
              <a:gd name="T63" fmla="*/ 671 h 1200"/>
              <a:gd name="T64" fmla="*/ 1631 w 1920"/>
              <a:gd name="T65" fmla="*/ 650 h 1200"/>
              <a:gd name="T66" fmla="*/ 1355 w 1920"/>
              <a:gd name="T67" fmla="*/ 556 h 1200"/>
              <a:gd name="T68" fmla="*/ 1405 w 1920"/>
              <a:gd name="T69" fmla="*/ 483 h 1200"/>
              <a:gd name="T70" fmla="*/ 1920 w 1920"/>
              <a:gd name="T71" fmla="*/ 388 h 1200"/>
              <a:gd name="T72" fmla="*/ 1563 w 1920"/>
              <a:gd name="T73" fmla="*/ 819 h 1200"/>
              <a:gd name="T74" fmla="*/ 1518 w 1920"/>
              <a:gd name="T75" fmla="*/ 1155 h 1200"/>
              <a:gd name="T76" fmla="*/ 1245 w 1920"/>
              <a:gd name="T77" fmla="*/ 1200 h 1200"/>
              <a:gd name="T78" fmla="*/ 1483 w 1920"/>
              <a:gd name="T79" fmla="*/ 936 h 1200"/>
              <a:gd name="T80" fmla="*/ 1038 w 1920"/>
              <a:gd name="T81" fmla="*/ 914 h 1200"/>
              <a:gd name="T82" fmla="*/ 1289 w 1920"/>
              <a:gd name="T83" fmla="*/ 817 h 1200"/>
              <a:gd name="T84" fmla="*/ 1120 w 1920"/>
              <a:gd name="T85" fmla="*/ 1200 h 1200"/>
              <a:gd name="T86" fmla="*/ 672 w 1920"/>
              <a:gd name="T87" fmla="*/ 819 h 1200"/>
              <a:gd name="T88" fmla="*/ 759 w 1920"/>
              <a:gd name="T89" fmla="*/ 1200 h 1200"/>
              <a:gd name="T90" fmla="*/ 606 w 1920"/>
              <a:gd name="T91" fmla="*/ 1200 h 1200"/>
              <a:gd name="T92" fmla="*/ 739 w 1920"/>
              <a:gd name="T93" fmla="*/ 1075 h 1200"/>
              <a:gd name="T94" fmla="*/ 273 w 1920"/>
              <a:gd name="T95" fmla="*/ 1200 h 1200"/>
              <a:gd name="T96" fmla="*/ 401 w 1920"/>
              <a:gd name="T97" fmla="*/ 1200 h 1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920" h="1200">
                <a:moveTo>
                  <a:pt x="971" y="571"/>
                </a:moveTo>
                <a:cubicBezTo>
                  <a:pt x="1007" y="542"/>
                  <a:pt x="1039" y="503"/>
                  <a:pt x="1060" y="461"/>
                </a:cubicBezTo>
                <a:cubicBezTo>
                  <a:pt x="1032" y="452"/>
                  <a:pt x="1001" y="446"/>
                  <a:pt x="971" y="446"/>
                </a:cubicBezTo>
                <a:lnTo>
                  <a:pt x="971" y="571"/>
                </a:lnTo>
                <a:close/>
                <a:moveTo>
                  <a:pt x="950" y="569"/>
                </a:moveTo>
                <a:cubicBezTo>
                  <a:pt x="913" y="542"/>
                  <a:pt x="881" y="503"/>
                  <a:pt x="860" y="461"/>
                </a:cubicBezTo>
                <a:cubicBezTo>
                  <a:pt x="888" y="451"/>
                  <a:pt x="919" y="446"/>
                  <a:pt x="950" y="446"/>
                </a:cubicBezTo>
                <a:lnTo>
                  <a:pt x="950" y="569"/>
                </a:lnTo>
                <a:close/>
                <a:moveTo>
                  <a:pt x="971" y="12"/>
                </a:moveTo>
                <a:cubicBezTo>
                  <a:pt x="1007" y="41"/>
                  <a:pt x="1039" y="79"/>
                  <a:pt x="1060" y="120"/>
                </a:cubicBezTo>
                <a:cubicBezTo>
                  <a:pt x="1032" y="130"/>
                  <a:pt x="1001" y="137"/>
                  <a:pt x="971" y="137"/>
                </a:cubicBezTo>
                <a:lnTo>
                  <a:pt x="971" y="12"/>
                </a:lnTo>
                <a:close/>
                <a:moveTo>
                  <a:pt x="950" y="12"/>
                </a:moveTo>
                <a:cubicBezTo>
                  <a:pt x="913" y="41"/>
                  <a:pt x="881" y="80"/>
                  <a:pt x="860" y="120"/>
                </a:cubicBezTo>
                <a:cubicBezTo>
                  <a:pt x="888" y="129"/>
                  <a:pt x="919" y="137"/>
                  <a:pt x="950" y="137"/>
                </a:cubicBezTo>
                <a:lnTo>
                  <a:pt x="950" y="12"/>
                </a:lnTo>
                <a:close/>
                <a:moveTo>
                  <a:pt x="971" y="424"/>
                </a:moveTo>
                <a:cubicBezTo>
                  <a:pt x="971" y="301"/>
                  <a:pt x="971" y="301"/>
                  <a:pt x="971" y="301"/>
                </a:cubicBezTo>
                <a:cubicBezTo>
                  <a:pt x="1104" y="301"/>
                  <a:pt x="1104" y="301"/>
                  <a:pt x="1104" y="301"/>
                </a:cubicBezTo>
                <a:cubicBezTo>
                  <a:pt x="1104" y="350"/>
                  <a:pt x="1092" y="398"/>
                  <a:pt x="1071" y="443"/>
                </a:cubicBezTo>
                <a:cubicBezTo>
                  <a:pt x="1040" y="432"/>
                  <a:pt x="1004" y="424"/>
                  <a:pt x="971" y="424"/>
                </a:cubicBezTo>
                <a:moveTo>
                  <a:pt x="1260" y="301"/>
                </a:moveTo>
                <a:cubicBezTo>
                  <a:pt x="1127" y="301"/>
                  <a:pt x="1127" y="301"/>
                  <a:pt x="1127" y="301"/>
                </a:cubicBezTo>
                <a:cubicBezTo>
                  <a:pt x="1125" y="355"/>
                  <a:pt x="1114" y="403"/>
                  <a:pt x="1092" y="451"/>
                </a:cubicBezTo>
                <a:cubicBezTo>
                  <a:pt x="1120" y="464"/>
                  <a:pt x="1146" y="480"/>
                  <a:pt x="1171" y="500"/>
                </a:cubicBezTo>
                <a:cubicBezTo>
                  <a:pt x="1225" y="447"/>
                  <a:pt x="1257" y="375"/>
                  <a:pt x="1260" y="301"/>
                </a:cubicBezTo>
                <a:moveTo>
                  <a:pt x="1154" y="514"/>
                </a:moveTo>
                <a:cubicBezTo>
                  <a:pt x="1133" y="496"/>
                  <a:pt x="1107" y="480"/>
                  <a:pt x="1081" y="470"/>
                </a:cubicBezTo>
                <a:cubicBezTo>
                  <a:pt x="1057" y="513"/>
                  <a:pt x="1028" y="549"/>
                  <a:pt x="990" y="582"/>
                </a:cubicBezTo>
                <a:cubicBezTo>
                  <a:pt x="1051" y="574"/>
                  <a:pt x="1107" y="552"/>
                  <a:pt x="1154" y="514"/>
                </a:cubicBezTo>
                <a:moveTo>
                  <a:pt x="950" y="424"/>
                </a:moveTo>
                <a:cubicBezTo>
                  <a:pt x="950" y="301"/>
                  <a:pt x="950" y="301"/>
                  <a:pt x="950" y="301"/>
                </a:cubicBezTo>
                <a:cubicBezTo>
                  <a:pt x="816" y="301"/>
                  <a:pt x="816" y="301"/>
                  <a:pt x="816" y="301"/>
                </a:cubicBezTo>
                <a:cubicBezTo>
                  <a:pt x="817" y="350"/>
                  <a:pt x="828" y="399"/>
                  <a:pt x="849" y="443"/>
                </a:cubicBezTo>
                <a:cubicBezTo>
                  <a:pt x="881" y="432"/>
                  <a:pt x="915" y="424"/>
                  <a:pt x="950" y="424"/>
                </a:cubicBezTo>
                <a:moveTo>
                  <a:pt x="660" y="301"/>
                </a:moveTo>
                <a:cubicBezTo>
                  <a:pt x="793" y="301"/>
                  <a:pt x="793" y="301"/>
                  <a:pt x="793" y="301"/>
                </a:cubicBezTo>
                <a:cubicBezTo>
                  <a:pt x="796" y="355"/>
                  <a:pt x="808" y="402"/>
                  <a:pt x="829" y="451"/>
                </a:cubicBezTo>
                <a:cubicBezTo>
                  <a:pt x="800" y="464"/>
                  <a:pt x="774" y="480"/>
                  <a:pt x="749" y="500"/>
                </a:cubicBezTo>
                <a:cubicBezTo>
                  <a:pt x="695" y="447"/>
                  <a:pt x="664" y="377"/>
                  <a:pt x="660" y="301"/>
                </a:cubicBezTo>
                <a:moveTo>
                  <a:pt x="765" y="514"/>
                </a:moveTo>
                <a:cubicBezTo>
                  <a:pt x="788" y="497"/>
                  <a:pt x="813" y="479"/>
                  <a:pt x="839" y="470"/>
                </a:cubicBezTo>
                <a:cubicBezTo>
                  <a:pt x="863" y="513"/>
                  <a:pt x="892" y="549"/>
                  <a:pt x="930" y="582"/>
                </a:cubicBezTo>
                <a:cubicBezTo>
                  <a:pt x="869" y="574"/>
                  <a:pt x="812" y="552"/>
                  <a:pt x="765" y="514"/>
                </a:cubicBezTo>
                <a:moveTo>
                  <a:pt x="971" y="158"/>
                </a:moveTo>
                <a:cubicBezTo>
                  <a:pt x="971" y="280"/>
                  <a:pt x="971" y="280"/>
                  <a:pt x="971" y="280"/>
                </a:cubicBezTo>
                <a:cubicBezTo>
                  <a:pt x="1104" y="280"/>
                  <a:pt x="1104" y="280"/>
                  <a:pt x="1104" y="280"/>
                </a:cubicBezTo>
                <a:cubicBezTo>
                  <a:pt x="1104" y="231"/>
                  <a:pt x="1092" y="184"/>
                  <a:pt x="1071" y="139"/>
                </a:cubicBezTo>
                <a:cubicBezTo>
                  <a:pt x="1039" y="150"/>
                  <a:pt x="1005" y="157"/>
                  <a:pt x="971" y="158"/>
                </a:cubicBezTo>
                <a:moveTo>
                  <a:pt x="1260" y="280"/>
                </a:moveTo>
                <a:cubicBezTo>
                  <a:pt x="1127" y="280"/>
                  <a:pt x="1127" y="280"/>
                  <a:pt x="1127" y="280"/>
                </a:cubicBezTo>
                <a:cubicBezTo>
                  <a:pt x="1125" y="227"/>
                  <a:pt x="1113" y="178"/>
                  <a:pt x="1092" y="131"/>
                </a:cubicBezTo>
                <a:cubicBezTo>
                  <a:pt x="1120" y="118"/>
                  <a:pt x="1147" y="102"/>
                  <a:pt x="1171" y="82"/>
                </a:cubicBezTo>
                <a:cubicBezTo>
                  <a:pt x="1228" y="138"/>
                  <a:pt x="1257" y="207"/>
                  <a:pt x="1260" y="280"/>
                </a:cubicBezTo>
                <a:moveTo>
                  <a:pt x="1154" y="67"/>
                </a:moveTo>
                <a:cubicBezTo>
                  <a:pt x="1133" y="86"/>
                  <a:pt x="1107" y="103"/>
                  <a:pt x="1081" y="113"/>
                </a:cubicBezTo>
                <a:cubicBezTo>
                  <a:pt x="1057" y="68"/>
                  <a:pt x="1028" y="33"/>
                  <a:pt x="990" y="0"/>
                </a:cubicBezTo>
                <a:cubicBezTo>
                  <a:pt x="1051" y="7"/>
                  <a:pt x="1107" y="30"/>
                  <a:pt x="1154" y="67"/>
                </a:cubicBezTo>
                <a:moveTo>
                  <a:pt x="950" y="158"/>
                </a:moveTo>
                <a:cubicBezTo>
                  <a:pt x="950" y="280"/>
                  <a:pt x="950" y="280"/>
                  <a:pt x="950" y="280"/>
                </a:cubicBezTo>
                <a:cubicBezTo>
                  <a:pt x="816" y="280"/>
                  <a:pt x="816" y="280"/>
                  <a:pt x="816" y="280"/>
                </a:cubicBezTo>
                <a:cubicBezTo>
                  <a:pt x="817" y="232"/>
                  <a:pt x="828" y="183"/>
                  <a:pt x="849" y="139"/>
                </a:cubicBezTo>
                <a:cubicBezTo>
                  <a:pt x="881" y="150"/>
                  <a:pt x="915" y="157"/>
                  <a:pt x="950" y="158"/>
                </a:cubicBezTo>
                <a:moveTo>
                  <a:pt x="660" y="280"/>
                </a:moveTo>
                <a:cubicBezTo>
                  <a:pt x="793" y="280"/>
                  <a:pt x="793" y="280"/>
                  <a:pt x="793" y="280"/>
                </a:cubicBezTo>
                <a:cubicBezTo>
                  <a:pt x="796" y="227"/>
                  <a:pt x="808" y="179"/>
                  <a:pt x="829" y="131"/>
                </a:cubicBezTo>
                <a:cubicBezTo>
                  <a:pt x="800" y="118"/>
                  <a:pt x="774" y="103"/>
                  <a:pt x="749" y="82"/>
                </a:cubicBezTo>
                <a:cubicBezTo>
                  <a:pt x="694" y="136"/>
                  <a:pt x="664" y="205"/>
                  <a:pt x="660" y="280"/>
                </a:cubicBezTo>
                <a:moveTo>
                  <a:pt x="765" y="67"/>
                </a:moveTo>
                <a:cubicBezTo>
                  <a:pt x="788" y="86"/>
                  <a:pt x="812" y="103"/>
                  <a:pt x="839" y="113"/>
                </a:cubicBezTo>
                <a:cubicBezTo>
                  <a:pt x="862" y="69"/>
                  <a:pt x="893" y="32"/>
                  <a:pt x="930" y="0"/>
                </a:cubicBezTo>
                <a:cubicBezTo>
                  <a:pt x="869" y="7"/>
                  <a:pt x="813" y="30"/>
                  <a:pt x="765" y="67"/>
                </a:cubicBezTo>
                <a:moveTo>
                  <a:pt x="0" y="388"/>
                </a:moveTo>
                <a:cubicBezTo>
                  <a:pt x="600" y="388"/>
                  <a:pt x="600" y="388"/>
                  <a:pt x="600" y="388"/>
                </a:cubicBezTo>
                <a:cubicBezTo>
                  <a:pt x="622" y="495"/>
                  <a:pt x="698" y="584"/>
                  <a:pt x="849" y="646"/>
                </a:cubicBezTo>
                <a:cubicBezTo>
                  <a:pt x="832" y="697"/>
                  <a:pt x="773" y="744"/>
                  <a:pt x="712" y="744"/>
                </a:cubicBezTo>
                <a:cubicBezTo>
                  <a:pt x="387" y="744"/>
                  <a:pt x="387" y="744"/>
                  <a:pt x="387" y="744"/>
                </a:cubicBezTo>
                <a:cubicBezTo>
                  <a:pt x="337" y="744"/>
                  <a:pt x="298" y="703"/>
                  <a:pt x="282" y="671"/>
                </a:cubicBezTo>
                <a:cubicBezTo>
                  <a:pt x="613" y="671"/>
                  <a:pt x="613" y="671"/>
                  <a:pt x="613" y="671"/>
                </a:cubicBezTo>
                <a:cubicBezTo>
                  <a:pt x="633" y="668"/>
                  <a:pt x="634" y="652"/>
                  <a:pt x="614" y="650"/>
                </a:cubicBezTo>
                <a:cubicBezTo>
                  <a:pt x="289" y="650"/>
                  <a:pt x="289" y="650"/>
                  <a:pt x="289" y="650"/>
                </a:cubicBezTo>
                <a:cubicBezTo>
                  <a:pt x="247" y="650"/>
                  <a:pt x="209" y="615"/>
                  <a:pt x="187" y="577"/>
                </a:cubicBezTo>
                <a:cubicBezTo>
                  <a:pt x="565" y="577"/>
                  <a:pt x="565" y="577"/>
                  <a:pt x="565" y="577"/>
                </a:cubicBezTo>
                <a:cubicBezTo>
                  <a:pt x="584" y="574"/>
                  <a:pt x="584" y="558"/>
                  <a:pt x="565" y="556"/>
                </a:cubicBezTo>
                <a:cubicBezTo>
                  <a:pt x="184" y="556"/>
                  <a:pt x="184" y="556"/>
                  <a:pt x="184" y="556"/>
                </a:cubicBezTo>
                <a:cubicBezTo>
                  <a:pt x="146" y="556"/>
                  <a:pt x="111" y="512"/>
                  <a:pt x="96" y="483"/>
                </a:cubicBezTo>
                <a:cubicBezTo>
                  <a:pt x="515" y="483"/>
                  <a:pt x="515" y="483"/>
                  <a:pt x="515" y="483"/>
                </a:cubicBezTo>
                <a:cubicBezTo>
                  <a:pt x="536" y="480"/>
                  <a:pt x="536" y="461"/>
                  <a:pt x="515" y="460"/>
                </a:cubicBezTo>
                <a:cubicBezTo>
                  <a:pt x="89" y="460"/>
                  <a:pt x="89" y="460"/>
                  <a:pt x="89" y="460"/>
                </a:cubicBezTo>
                <a:cubicBezTo>
                  <a:pt x="55" y="460"/>
                  <a:pt x="23" y="425"/>
                  <a:pt x="0" y="388"/>
                </a:cubicBezTo>
                <a:moveTo>
                  <a:pt x="1920" y="388"/>
                </a:moveTo>
                <a:cubicBezTo>
                  <a:pt x="1320" y="388"/>
                  <a:pt x="1320" y="388"/>
                  <a:pt x="1320" y="388"/>
                </a:cubicBezTo>
                <a:cubicBezTo>
                  <a:pt x="1298" y="495"/>
                  <a:pt x="1222" y="584"/>
                  <a:pt x="1071" y="646"/>
                </a:cubicBezTo>
                <a:cubicBezTo>
                  <a:pt x="1088" y="697"/>
                  <a:pt x="1147" y="744"/>
                  <a:pt x="1208" y="744"/>
                </a:cubicBezTo>
                <a:cubicBezTo>
                  <a:pt x="1533" y="744"/>
                  <a:pt x="1533" y="744"/>
                  <a:pt x="1533" y="744"/>
                </a:cubicBezTo>
                <a:cubicBezTo>
                  <a:pt x="1583" y="744"/>
                  <a:pt x="1622" y="703"/>
                  <a:pt x="1638" y="671"/>
                </a:cubicBezTo>
                <a:cubicBezTo>
                  <a:pt x="1307" y="671"/>
                  <a:pt x="1307" y="671"/>
                  <a:pt x="1307" y="671"/>
                </a:cubicBezTo>
                <a:cubicBezTo>
                  <a:pt x="1287" y="668"/>
                  <a:pt x="1286" y="652"/>
                  <a:pt x="1306" y="650"/>
                </a:cubicBezTo>
                <a:cubicBezTo>
                  <a:pt x="1631" y="650"/>
                  <a:pt x="1631" y="650"/>
                  <a:pt x="1631" y="650"/>
                </a:cubicBezTo>
                <a:cubicBezTo>
                  <a:pt x="1673" y="650"/>
                  <a:pt x="1711" y="615"/>
                  <a:pt x="1733" y="577"/>
                </a:cubicBezTo>
                <a:cubicBezTo>
                  <a:pt x="1355" y="577"/>
                  <a:pt x="1355" y="577"/>
                  <a:pt x="1355" y="577"/>
                </a:cubicBezTo>
                <a:cubicBezTo>
                  <a:pt x="1336" y="574"/>
                  <a:pt x="1336" y="558"/>
                  <a:pt x="1355" y="556"/>
                </a:cubicBezTo>
                <a:cubicBezTo>
                  <a:pt x="1736" y="556"/>
                  <a:pt x="1736" y="556"/>
                  <a:pt x="1736" y="556"/>
                </a:cubicBezTo>
                <a:cubicBezTo>
                  <a:pt x="1774" y="556"/>
                  <a:pt x="1809" y="512"/>
                  <a:pt x="1824" y="483"/>
                </a:cubicBezTo>
                <a:cubicBezTo>
                  <a:pt x="1405" y="483"/>
                  <a:pt x="1405" y="483"/>
                  <a:pt x="1405" y="483"/>
                </a:cubicBezTo>
                <a:cubicBezTo>
                  <a:pt x="1384" y="480"/>
                  <a:pt x="1384" y="461"/>
                  <a:pt x="1405" y="460"/>
                </a:cubicBezTo>
                <a:cubicBezTo>
                  <a:pt x="1831" y="460"/>
                  <a:pt x="1831" y="460"/>
                  <a:pt x="1831" y="460"/>
                </a:cubicBezTo>
                <a:cubicBezTo>
                  <a:pt x="1865" y="460"/>
                  <a:pt x="1897" y="425"/>
                  <a:pt x="1920" y="388"/>
                </a:cubicBezTo>
                <a:moveTo>
                  <a:pt x="1245" y="1200"/>
                </a:moveTo>
                <a:cubicBezTo>
                  <a:pt x="1437" y="819"/>
                  <a:pt x="1437" y="819"/>
                  <a:pt x="1437" y="819"/>
                </a:cubicBezTo>
                <a:cubicBezTo>
                  <a:pt x="1563" y="819"/>
                  <a:pt x="1563" y="819"/>
                  <a:pt x="1563" y="819"/>
                </a:cubicBezTo>
                <a:cubicBezTo>
                  <a:pt x="1643" y="1200"/>
                  <a:pt x="1643" y="1200"/>
                  <a:pt x="1643" y="1200"/>
                </a:cubicBezTo>
                <a:cubicBezTo>
                  <a:pt x="1523" y="1200"/>
                  <a:pt x="1523" y="1200"/>
                  <a:pt x="1523" y="1200"/>
                </a:cubicBezTo>
                <a:cubicBezTo>
                  <a:pt x="1518" y="1155"/>
                  <a:pt x="1518" y="1155"/>
                  <a:pt x="1518" y="1155"/>
                </a:cubicBezTo>
                <a:cubicBezTo>
                  <a:pt x="1392" y="1155"/>
                  <a:pt x="1392" y="1155"/>
                  <a:pt x="1392" y="1155"/>
                </a:cubicBezTo>
                <a:cubicBezTo>
                  <a:pt x="1371" y="1200"/>
                  <a:pt x="1371" y="1200"/>
                  <a:pt x="1371" y="1200"/>
                </a:cubicBezTo>
                <a:lnTo>
                  <a:pt x="1245" y="1200"/>
                </a:lnTo>
                <a:close/>
                <a:moveTo>
                  <a:pt x="1423" y="1075"/>
                </a:moveTo>
                <a:cubicBezTo>
                  <a:pt x="1504" y="1075"/>
                  <a:pt x="1504" y="1075"/>
                  <a:pt x="1504" y="1075"/>
                </a:cubicBezTo>
                <a:cubicBezTo>
                  <a:pt x="1483" y="936"/>
                  <a:pt x="1483" y="936"/>
                  <a:pt x="1483" y="936"/>
                </a:cubicBezTo>
                <a:lnTo>
                  <a:pt x="1423" y="1075"/>
                </a:lnTo>
                <a:close/>
                <a:moveTo>
                  <a:pt x="994" y="1200"/>
                </a:moveTo>
                <a:cubicBezTo>
                  <a:pt x="1038" y="914"/>
                  <a:pt x="1038" y="914"/>
                  <a:pt x="1038" y="914"/>
                </a:cubicBezTo>
                <a:cubicBezTo>
                  <a:pt x="927" y="914"/>
                  <a:pt x="927" y="914"/>
                  <a:pt x="927" y="914"/>
                </a:cubicBezTo>
                <a:cubicBezTo>
                  <a:pt x="946" y="817"/>
                  <a:pt x="946" y="817"/>
                  <a:pt x="946" y="817"/>
                </a:cubicBezTo>
                <a:cubicBezTo>
                  <a:pt x="1289" y="817"/>
                  <a:pt x="1289" y="817"/>
                  <a:pt x="1289" y="817"/>
                </a:cubicBezTo>
                <a:cubicBezTo>
                  <a:pt x="1269" y="914"/>
                  <a:pt x="1269" y="914"/>
                  <a:pt x="1269" y="914"/>
                </a:cubicBezTo>
                <a:cubicBezTo>
                  <a:pt x="1163" y="914"/>
                  <a:pt x="1163" y="914"/>
                  <a:pt x="1163" y="914"/>
                </a:cubicBezTo>
                <a:cubicBezTo>
                  <a:pt x="1120" y="1200"/>
                  <a:pt x="1120" y="1200"/>
                  <a:pt x="1120" y="1200"/>
                </a:cubicBezTo>
                <a:lnTo>
                  <a:pt x="994" y="1200"/>
                </a:lnTo>
                <a:close/>
                <a:moveTo>
                  <a:pt x="479" y="1200"/>
                </a:moveTo>
                <a:cubicBezTo>
                  <a:pt x="672" y="819"/>
                  <a:pt x="672" y="819"/>
                  <a:pt x="672" y="819"/>
                </a:cubicBezTo>
                <a:cubicBezTo>
                  <a:pt x="798" y="819"/>
                  <a:pt x="798" y="819"/>
                  <a:pt x="798" y="819"/>
                </a:cubicBezTo>
                <a:cubicBezTo>
                  <a:pt x="877" y="1200"/>
                  <a:pt x="877" y="1200"/>
                  <a:pt x="877" y="1200"/>
                </a:cubicBezTo>
                <a:cubicBezTo>
                  <a:pt x="759" y="1200"/>
                  <a:pt x="759" y="1200"/>
                  <a:pt x="759" y="1200"/>
                </a:cubicBezTo>
                <a:cubicBezTo>
                  <a:pt x="752" y="1155"/>
                  <a:pt x="752" y="1155"/>
                  <a:pt x="752" y="1155"/>
                </a:cubicBezTo>
                <a:cubicBezTo>
                  <a:pt x="626" y="1155"/>
                  <a:pt x="626" y="1155"/>
                  <a:pt x="626" y="1155"/>
                </a:cubicBezTo>
                <a:cubicBezTo>
                  <a:pt x="606" y="1200"/>
                  <a:pt x="606" y="1200"/>
                  <a:pt x="606" y="1200"/>
                </a:cubicBezTo>
                <a:lnTo>
                  <a:pt x="479" y="1200"/>
                </a:lnTo>
                <a:close/>
                <a:moveTo>
                  <a:pt x="657" y="1075"/>
                </a:moveTo>
                <a:cubicBezTo>
                  <a:pt x="739" y="1075"/>
                  <a:pt x="739" y="1075"/>
                  <a:pt x="739" y="1075"/>
                </a:cubicBezTo>
                <a:cubicBezTo>
                  <a:pt x="717" y="936"/>
                  <a:pt x="717" y="936"/>
                  <a:pt x="717" y="936"/>
                </a:cubicBezTo>
                <a:lnTo>
                  <a:pt x="657" y="1075"/>
                </a:lnTo>
                <a:close/>
                <a:moveTo>
                  <a:pt x="273" y="1200"/>
                </a:moveTo>
                <a:cubicBezTo>
                  <a:pt x="351" y="819"/>
                  <a:pt x="351" y="819"/>
                  <a:pt x="351" y="819"/>
                </a:cubicBezTo>
                <a:cubicBezTo>
                  <a:pt x="479" y="819"/>
                  <a:pt x="479" y="819"/>
                  <a:pt x="479" y="819"/>
                </a:cubicBezTo>
                <a:cubicBezTo>
                  <a:pt x="401" y="1200"/>
                  <a:pt x="401" y="1200"/>
                  <a:pt x="401" y="1200"/>
                </a:cubicBezTo>
                <a:lnTo>
                  <a:pt x="273" y="1200"/>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a:p>
        </p:txBody>
      </p:sp>
    </p:spTree>
    <p:extLst>
      <p:ext uri="{BB962C8B-B14F-4D97-AF65-F5344CB8AC3E}">
        <p14:creationId xmlns:p14="http://schemas.microsoft.com/office/powerpoint/2010/main" val="3500713459"/>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type="titleOnly" preserve="1">
  <p:cSld name="WHITE_Title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44D976F-6FAA-4B37-814C-E2540D4155CD}"/>
              </a:ext>
            </a:extLst>
          </p:cNvPr>
          <p:cNvSpPr>
            <a:spLocks noGrp="1"/>
          </p:cNvSpPr>
          <p:nvPr>
            <p:ph type="title"/>
          </p:nvPr>
        </p:nvSpPr>
        <p:spPr/>
        <p:txBody>
          <a:bodyPr/>
          <a:lstStyle>
            <a:lvl1pPr>
              <a:defRPr>
                <a:solidFill>
                  <a:schemeClr val="accent1"/>
                </a:solidFill>
              </a:defRPr>
            </a:lvl1pPr>
          </a:lstStyle>
          <a:p>
            <a:r>
              <a:rPr lang="en-US"/>
              <a:t>Click to edit Master title style</a:t>
            </a:r>
          </a:p>
        </p:txBody>
      </p:sp>
      <p:sp>
        <p:nvSpPr>
          <p:cNvPr id="3" name="Date Placeholder 2">
            <a:extLst>
              <a:ext uri="{FF2B5EF4-FFF2-40B4-BE49-F238E27FC236}">
                <a16:creationId xmlns:a16="http://schemas.microsoft.com/office/drawing/2014/main" id="{0F0BFC25-F2D8-40D7-96BA-C0F78F6A687A}"/>
              </a:ext>
            </a:extLst>
          </p:cNvPr>
          <p:cNvSpPr>
            <a:spLocks noGrp="1"/>
          </p:cNvSpPr>
          <p:nvPr>
            <p:ph type="dt" sz="half" idx="10"/>
          </p:nvPr>
        </p:nvSpPr>
        <p:spPr/>
        <p:txBody>
          <a:bodyPr/>
          <a:lstStyle>
            <a:lvl1pPr>
              <a:defRPr>
                <a:solidFill>
                  <a:schemeClr val="accent1"/>
                </a:solidFill>
              </a:defRPr>
            </a:lvl1pPr>
          </a:lstStyle>
          <a:p>
            <a:fld id="{F82CEB40-7C69-47E5-9106-E566935D3F53}" type="datetime3">
              <a:rPr lang="en-US" smtClean="0"/>
              <a:pPr/>
              <a:t>8 November 2023</a:t>
            </a:fld>
            <a:endParaRPr lang="en-US"/>
          </a:p>
        </p:txBody>
      </p:sp>
      <p:sp>
        <p:nvSpPr>
          <p:cNvPr id="4" name="Footer Placeholder 3">
            <a:extLst>
              <a:ext uri="{FF2B5EF4-FFF2-40B4-BE49-F238E27FC236}">
                <a16:creationId xmlns:a16="http://schemas.microsoft.com/office/drawing/2014/main" id="{D0EEA34B-ADB0-4A9B-A944-DB4F9AB7A20C}"/>
              </a:ext>
            </a:extLst>
          </p:cNvPr>
          <p:cNvSpPr>
            <a:spLocks noGrp="1"/>
          </p:cNvSpPr>
          <p:nvPr>
            <p:ph type="ftr" sz="quarter" idx="11"/>
          </p:nvPr>
        </p:nvSpPr>
        <p:spPr/>
        <p:txBody>
          <a:bodyPr/>
          <a:lstStyle>
            <a:lvl1pPr>
              <a:defRPr>
                <a:solidFill>
                  <a:schemeClr val="accent1"/>
                </a:solidFill>
              </a:defRPr>
            </a:lvl1pPr>
          </a:lstStyle>
          <a:p>
            <a:endParaRPr lang="en-US"/>
          </a:p>
        </p:txBody>
      </p:sp>
      <p:sp>
        <p:nvSpPr>
          <p:cNvPr id="5" name="Slide Number Placeholder 4">
            <a:extLst>
              <a:ext uri="{FF2B5EF4-FFF2-40B4-BE49-F238E27FC236}">
                <a16:creationId xmlns:a16="http://schemas.microsoft.com/office/drawing/2014/main" id="{E72EE72B-8C4F-4C4B-8E3A-D7A4D706EB14}"/>
              </a:ext>
            </a:extLst>
          </p:cNvPr>
          <p:cNvSpPr>
            <a:spLocks noGrp="1"/>
          </p:cNvSpPr>
          <p:nvPr>
            <p:ph type="sldNum" sz="quarter" idx="12"/>
          </p:nvPr>
        </p:nvSpPr>
        <p:spPr/>
        <p:txBody>
          <a:bodyPr/>
          <a:lstStyle>
            <a:lvl1pPr>
              <a:defRPr>
                <a:solidFill>
                  <a:schemeClr val="accent1"/>
                </a:solidFill>
              </a:defRPr>
            </a:lvl1pPr>
          </a:lstStyle>
          <a:p>
            <a:fld id="{1A9E565A-6679-4A67-8FB7-14EA342FD6E1}" type="slidenum">
              <a:rPr lang="en-US" smtClean="0"/>
              <a:pPr/>
              <a:t>‹#›</a:t>
            </a:fld>
            <a:endParaRPr lang="en-US"/>
          </a:p>
        </p:txBody>
      </p:sp>
      <p:sp>
        <p:nvSpPr>
          <p:cNvPr id="6" name="Freeform 5">
            <a:extLst>
              <a:ext uri="{FF2B5EF4-FFF2-40B4-BE49-F238E27FC236}">
                <a16:creationId xmlns:a16="http://schemas.microsoft.com/office/drawing/2014/main" id="{9E037E20-29EF-410F-AA70-D50FAE88B30D}"/>
              </a:ext>
            </a:extLst>
          </p:cNvPr>
          <p:cNvSpPr>
            <a:spLocks noChangeAspect="1" noEditPoints="1"/>
          </p:cNvSpPr>
          <p:nvPr userDrawn="1"/>
        </p:nvSpPr>
        <p:spPr bwMode="auto">
          <a:xfrm>
            <a:off x="10910325" y="5917889"/>
            <a:ext cx="900000" cy="563616"/>
          </a:xfrm>
          <a:custGeom>
            <a:avLst/>
            <a:gdLst>
              <a:gd name="T0" fmla="*/ 971 w 1920"/>
              <a:gd name="T1" fmla="*/ 446 h 1200"/>
              <a:gd name="T2" fmla="*/ 860 w 1920"/>
              <a:gd name="T3" fmla="*/ 461 h 1200"/>
              <a:gd name="T4" fmla="*/ 971 w 1920"/>
              <a:gd name="T5" fmla="*/ 12 h 1200"/>
              <a:gd name="T6" fmla="*/ 971 w 1920"/>
              <a:gd name="T7" fmla="*/ 12 h 1200"/>
              <a:gd name="T8" fmla="*/ 950 w 1920"/>
              <a:gd name="T9" fmla="*/ 137 h 1200"/>
              <a:gd name="T10" fmla="*/ 971 w 1920"/>
              <a:gd name="T11" fmla="*/ 301 h 1200"/>
              <a:gd name="T12" fmla="*/ 971 w 1920"/>
              <a:gd name="T13" fmla="*/ 424 h 1200"/>
              <a:gd name="T14" fmla="*/ 1092 w 1920"/>
              <a:gd name="T15" fmla="*/ 451 h 1200"/>
              <a:gd name="T16" fmla="*/ 1154 w 1920"/>
              <a:gd name="T17" fmla="*/ 514 h 1200"/>
              <a:gd name="T18" fmla="*/ 1154 w 1920"/>
              <a:gd name="T19" fmla="*/ 514 h 1200"/>
              <a:gd name="T20" fmla="*/ 816 w 1920"/>
              <a:gd name="T21" fmla="*/ 301 h 1200"/>
              <a:gd name="T22" fmla="*/ 660 w 1920"/>
              <a:gd name="T23" fmla="*/ 301 h 1200"/>
              <a:gd name="T24" fmla="*/ 749 w 1920"/>
              <a:gd name="T25" fmla="*/ 500 h 1200"/>
              <a:gd name="T26" fmla="*/ 839 w 1920"/>
              <a:gd name="T27" fmla="*/ 470 h 1200"/>
              <a:gd name="T28" fmla="*/ 971 w 1920"/>
              <a:gd name="T29" fmla="*/ 158 h 1200"/>
              <a:gd name="T30" fmla="*/ 1071 w 1920"/>
              <a:gd name="T31" fmla="*/ 139 h 1200"/>
              <a:gd name="T32" fmla="*/ 1127 w 1920"/>
              <a:gd name="T33" fmla="*/ 280 h 1200"/>
              <a:gd name="T34" fmla="*/ 1260 w 1920"/>
              <a:gd name="T35" fmla="*/ 280 h 1200"/>
              <a:gd name="T36" fmla="*/ 990 w 1920"/>
              <a:gd name="T37" fmla="*/ 0 h 1200"/>
              <a:gd name="T38" fmla="*/ 950 w 1920"/>
              <a:gd name="T39" fmla="*/ 280 h 1200"/>
              <a:gd name="T40" fmla="*/ 950 w 1920"/>
              <a:gd name="T41" fmla="*/ 158 h 1200"/>
              <a:gd name="T42" fmla="*/ 829 w 1920"/>
              <a:gd name="T43" fmla="*/ 131 h 1200"/>
              <a:gd name="T44" fmla="*/ 765 w 1920"/>
              <a:gd name="T45" fmla="*/ 67 h 1200"/>
              <a:gd name="T46" fmla="*/ 765 w 1920"/>
              <a:gd name="T47" fmla="*/ 67 h 1200"/>
              <a:gd name="T48" fmla="*/ 849 w 1920"/>
              <a:gd name="T49" fmla="*/ 646 h 1200"/>
              <a:gd name="T50" fmla="*/ 282 w 1920"/>
              <a:gd name="T51" fmla="*/ 671 h 1200"/>
              <a:gd name="T52" fmla="*/ 289 w 1920"/>
              <a:gd name="T53" fmla="*/ 650 h 1200"/>
              <a:gd name="T54" fmla="*/ 565 w 1920"/>
              <a:gd name="T55" fmla="*/ 556 h 1200"/>
              <a:gd name="T56" fmla="*/ 515 w 1920"/>
              <a:gd name="T57" fmla="*/ 483 h 1200"/>
              <a:gd name="T58" fmla="*/ 0 w 1920"/>
              <a:gd name="T59" fmla="*/ 388 h 1200"/>
              <a:gd name="T60" fmla="*/ 1071 w 1920"/>
              <a:gd name="T61" fmla="*/ 646 h 1200"/>
              <a:gd name="T62" fmla="*/ 1638 w 1920"/>
              <a:gd name="T63" fmla="*/ 671 h 1200"/>
              <a:gd name="T64" fmla="*/ 1631 w 1920"/>
              <a:gd name="T65" fmla="*/ 650 h 1200"/>
              <a:gd name="T66" fmla="*/ 1355 w 1920"/>
              <a:gd name="T67" fmla="*/ 556 h 1200"/>
              <a:gd name="T68" fmla="*/ 1405 w 1920"/>
              <a:gd name="T69" fmla="*/ 483 h 1200"/>
              <a:gd name="T70" fmla="*/ 1920 w 1920"/>
              <a:gd name="T71" fmla="*/ 388 h 1200"/>
              <a:gd name="T72" fmla="*/ 1563 w 1920"/>
              <a:gd name="T73" fmla="*/ 819 h 1200"/>
              <a:gd name="T74" fmla="*/ 1518 w 1920"/>
              <a:gd name="T75" fmla="*/ 1155 h 1200"/>
              <a:gd name="T76" fmla="*/ 1245 w 1920"/>
              <a:gd name="T77" fmla="*/ 1200 h 1200"/>
              <a:gd name="T78" fmla="*/ 1483 w 1920"/>
              <a:gd name="T79" fmla="*/ 936 h 1200"/>
              <a:gd name="T80" fmla="*/ 1038 w 1920"/>
              <a:gd name="T81" fmla="*/ 914 h 1200"/>
              <a:gd name="T82" fmla="*/ 1289 w 1920"/>
              <a:gd name="T83" fmla="*/ 817 h 1200"/>
              <a:gd name="T84" fmla="*/ 1120 w 1920"/>
              <a:gd name="T85" fmla="*/ 1200 h 1200"/>
              <a:gd name="T86" fmla="*/ 672 w 1920"/>
              <a:gd name="T87" fmla="*/ 819 h 1200"/>
              <a:gd name="T88" fmla="*/ 759 w 1920"/>
              <a:gd name="T89" fmla="*/ 1200 h 1200"/>
              <a:gd name="T90" fmla="*/ 606 w 1920"/>
              <a:gd name="T91" fmla="*/ 1200 h 1200"/>
              <a:gd name="T92" fmla="*/ 739 w 1920"/>
              <a:gd name="T93" fmla="*/ 1075 h 1200"/>
              <a:gd name="T94" fmla="*/ 273 w 1920"/>
              <a:gd name="T95" fmla="*/ 1200 h 1200"/>
              <a:gd name="T96" fmla="*/ 401 w 1920"/>
              <a:gd name="T97" fmla="*/ 1200 h 1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920" h="1200">
                <a:moveTo>
                  <a:pt x="971" y="571"/>
                </a:moveTo>
                <a:cubicBezTo>
                  <a:pt x="1007" y="542"/>
                  <a:pt x="1039" y="503"/>
                  <a:pt x="1060" y="461"/>
                </a:cubicBezTo>
                <a:cubicBezTo>
                  <a:pt x="1032" y="452"/>
                  <a:pt x="1001" y="446"/>
                  <a:pt x="971" y="446"/>
                </a:cubicBezTo>
                <a:lnTo>
                  <a:pt x="971" y="571"/>
                </a:lnTo>
                <a:close/>
                <a:moveTo>
                  <a:pt x="950" y="569"/>
                </a:moveTo>
                <a:cubicBezTo>
                  <a:pt x="913" y="542"/>
                  <a:pt x="881" y="503"/>
                  <a:pt x="860" y="461"/>
                </a:cubicBezTo>
                <a:cubicBezTo>
                  <a:pt x="888" y="451"/>
                  <a:pt x="919" y="446"/>
                  <a:pt x="950" y="446"/>
                </a:cubicBezTo>
                <a:lnTo>
                  <a:pt x="950" y="569"/>
                </a:lnTo>
                <a:close/>
                <a:moveTo>
                  <a:pt x="971" y="12"/>
                </a:moveTo>
                <a:cubicBezTo>
                  <a:pt x="1007" y="41"/>
                  <a:pt x="1039" y="79"/>
                  <a:pt x="1060" y="120"/>
                </a:cubicBezTo>
                <a:cubicBezTo>
                  <a:pt x="1032" y="130"/>
                  <a:pt x="1001" y="137"/>
                  <a:pt x="971" y="137"/>
                </a:cubicBezTo>
                <a:lnTo>
                  <a:pt x="971" y="12"/>
                </a:lnTo>
                <a:close/>
                <a:moveTo>
                  <a:pt x="950" y="12"/>
                </a:moveTo>
                <a:cubicBezTo>
                  <a:pt x="913" y="41"/>
                  <a:pt x="881" y="80"/>
                  <a:pt x="860" y="120"/>
                </a:cubicBezTo>
                <a:cubicBezTo>
                  <a:pt x="888" y="129"/>
                  <a:pt x="919" y="137"/>
                  <a:pt x="950" y="137"/>
                </a:cubicBezTo>
                <a:lnTo>
                  <a:pt x="950" y="12"/>
                </a:lnTo>
                <a:close/>
                <a:moveTo>
                  <a:pt x="971" y="424"/>
                </a:moveTo>
                <a:cubicBezTo>
                  <a:pt x="971" y="301"/>
                  <a:pt x="971" y="301"/>
                  <a:pt x="971" y="301"/>
                </a:cubicBezTo>
                <a:cubicBezTo>
                  <a:pt x="1104" y="301"/>
                  <a:pt x="1104" y="301"/>
                  <a:pt x="1104" y="301"/>
                </a:cubicBezTo>
                <a:cubicBezTo>
                  <a:pt x="1104" y="350"/>
                  <a:pt x="1092" y="398"/>
                  <a:pt x="1071" y="443"/>
                </a:cubicBezTo>
                <a:cubicBezTo>
                  <a:pt x="1040" y="432"/>
                  <a:pt x="1004" y="424"/>
                  <a:pt x="971" y="424"/>
                </a:cubicBezTo>
                <a:moveTo>
                  <a:pt x="1260" y="301"/>
                </a:moveTo>
                <a:cubicBezTo>
                  <a:pt x="1127" y="301"/>
                  <a:pt x="1127" y="301"/>
                  <a:pt x="1127" y="301"/>
                </a:cubicBezTo>
                <a:cubicBezTo>
                  <a:pt x="1125" y="355"/>
                  <a:pt x="1114" y="403"/>
                  <a:pt x="1092" y="451"/>
                </a:cubicBezTo>
                <a:cubicBezTo>
                  <a:pt x="1120" y="464"/>
                  <a:pt x="1146" y="480"/>
                  <a:pt x="1171" y="500"/>
                </a:cubicBezTo>
                <a:cubicBezTo>
                  <a:pt x="1225" y="447"/>
                  <a:pt x="1257" y="375"/>
                  <a:pt x="1260" y="301"/>
                </a:cubicBezTo>
                <a:moveTo>
                  <a:pt x="1154" y="514"/>
                </a:moveTo>
                <a:cubicBezTo>
                  <a:pt x="1133" y="496"/>
                  <a:pt x="1107" y="480"/>
                  <a:pt x="1081" y="470"/>
                </a:cubicBezTo>
                <a:cubicBezTo>
                  <a:pt x="1057" y="513"/>
                  <a:pt x="1028" y="549"/>
                  <a:pt x="990" y="582"/>
                </a:cubicBezTo>
                <a:cubicBezTo>
                  <a:pt x="1051" y="574"/>
                  <a:pt x="1107" y="552"/>
                  <a:pt x="1154" y="514"/>
                </a:cubicBezTo>
                <a:moveTo>
                  <a:pt x="950" y="424"/>
                </a:moveTo>
                <a:cubicBezTo>
                  <a:pt x="950" y="301"/>
                  <a:pt x="950" y="301"/>
                  <a:pt x="950" y="301"/>
                </a:cubicBezTo>
                <a:cubicBezTo>
                  <a:pt x="816" y="301"/>
                  <a:pt x="816" y="301"/>
                  <a:pt x="816" y="301"/>
                </a:cubicBezTo>
                <a:cubicBezTo>
                  <a:pt x="817" y="350"/>
                  <a:pt x="828" y="399"/>
                  <a:pt x="849" y="443"/>
                </a:cubicBezTo>
                <a:cubicBezTo>
                  <a:pt x="881" y="432"/>
                  <a:pt x="915" y="424"/>
                  <a:pt x="950" y="424"/>
                </a:cubicBezTo>
                <a:moveTo>
                  <a:pt x="660" y="301"/>
                </a:moveTo>
                <a:cubicBezTo>
                  <a:pt x="793" y="301"/>
                  <a:pt x="793" y="301"/>
                  <a:pt x="793" y="301"/>
                </a:cubicBezTo>
                <a:cubicBezTo>
                  <a:pt x="796" y="355"/>
                  <a:pt x="808" y="402"/>
                  <a:pt x="829" y="451"/>
                </a:cubicBezTo>
                <a:cubicBezTo>
                  <a:pt x="800" y="464"/>
                  <a:pt x="774" y="480"/>
                  <a:pt x="749" y="500"/>
                </a:cubicBezTo>
                <a:cubicBezTo>
                  <a:pt x="695" y="447"/>
                  <a:pt x="664" y="377"/>
                  <a:pt x="660" y="301"/>
                </a:cubicBezTo>
                <a:moveTo>
                  <a:pt x="765" y="514"/>
                </a:moveTo>
                <a:cubicBezTo>
                  <a:pt x="788" y="497"/>
                  <a:pt x="813" y="479"/>
                  <a:pt x="839" y="470"/>
                </a:cubicBezTo>
                <a:cubicBezTo>
                  <a:pt x="863" y="513"/>
                  <a:pt x="892" y="549"/>
                  <a:pt x="930" y="582"/>
                </a:cubicBezTo>
                <a:cubicBezTo>
                  <a:pt x="869" y="574"/>
                  <a:pt x="812" y="552"/>
                  <a:pt x="765" y="514"/>
                </a:cubicBezTo>
                <a:moveTo>
                  <a:pt x="971" y="158"/>
                </a:moveTo>
                <a:cubicBezTo>
                  <a:pt x="971" y="280"/>
                  <a:pt x="971" y="280"/>
                  <a:pt x="971" y="280"/>
                </a:cubicBezTo>
                <a:cubicBezTo>
                  <a:pt x="1104" y="280"/>
                  <a:pt x="1104" y="280"/>
                  <a:pt x="1104" y="280"/>
                </a:cubicBezTo>
                <a:cubicBezTo>
                  <a:pt x="1104" y="231"/>
                  <a:pt x="1092" y="184"/>
                  <a:pt x="1071" y="139"/>
                </a:cubicBezTo>
                <a:cubicBezTo>
                  <a:pt x="1039" y="150"/>
                  <a:pt x="1005" y="157"/>
                  <a:pt x="971" y="158"/>
                </a:cubicBezTo>
                <a:moveTo>
                  <a:pt x="1260" y="280"/>
                </a:moveTo>
                <a:cubicBezTo>
                  <a:pt x="1127" y="280"/>
                  <a:pt x="1127" y="280"/>
                  <a:pt x="1127" y="280"/>
                </a:cubicBezTo>
                <a:cubicBezTo>
                  <a:pt x="1125" y="227"/>
                  <a:pt x="1113" y="178"/>
                  <a:pt x="1092" y="131"/>
                </a:cubicBezTo>
                <a:cubicBezTo>
                  <a:pt x="1120" y="118"/>
                  <a:pt x="1147" y="102"/>
                  <a:pt x="1171" y="82"/>
                </a:cubicBezTo>
                <a:cubicBezTo>
                  <a:pt x="1228" y="138"/>
                  <a:pt x="1257" y="207"/>
                  <a:pt x="1260" y="280"/>
                </a:cubicBezTo>
                <a:moveTo>
                  <a:pt x="1154" y="67"/>
                </a:moveTo>
                <a:cubicBezTo>
                  <a:pt x="1133" y="86"/>
                  <a:pt x="1107" y="103"/>
                  <a:pt x="1081" y="113"/>
                </a:cubicBezTo>
                <a:cubicBezTo>
                  <a:pt x="1057" y="68"/>
                  <a:pt x="1028" y="33"/>
                  <a:pt x="990" y="0"/>
                </a:cubicBezTo>
                <a:cubicBezTo>
                  <a:pt x="1051" y="7"/>
                  <a:pt x="1107" y="30"/>
                  <a:pt x="1154" y="67"/>
                </a:cubicBezTo>
                <a:moveTo>
                  <a:pt x="950" y="158"/>
                </a:moveTo>
                <a:cubicBezTo>
                  <a:pt x="950" y="280"/>
                  <a:pt x="950" y="280"/>
                  <a:pt x="950" y="280"/>
                </a:cubicBezTo>
                <a:cubicBezTo>
                  <a:pt x="816" y="280"/>
                  <a:pt x="816" y="280"/>
                  <a:pt x="816" y="280"/>
                </a:cubicBezTo>
                <a:cubicBezTo>
                  <a:pt x="817" y="232"/>
                  <a:pt x="828" y="183"/>
                  <a:pt x="849" y="139"/>
                </a:cubicBezTo>
                <a:cubicBezTo>
                  <a:pt x="881" y="150"/>
                  <a:pt x="915" y="157"/>
                  <a:pt x="950" y="158"/>
                </a:cubicBezTo>
                <a:moveTo>
                  <a:pt x="660" y="280"/>
                </a:moveTo>
                <a:cubicBezTo>
                  <a:pt x="793" y="280"/>
                  <a:pt x="793" y="280"/>
                  <a:pt x="793" y="280"/>
                </a:cubicBezTo>
                <a:cubicBezTo>
                  <a:pt x="796" y="227"/>
                  <a:pt x="808" y="179"/>
                  <a:pt x="829" y="131"/>
                </a:cubicBezTo>
                <a:cubicBezTo>
                  <a:pt x="800" y="118"/>
                  <a:pt x="774" y="103"/>
                  <a:pt x="749" y="82"/>
                </a:cubicBezTo>
                <a:cubicBezTo>
                  <a:pt x="694" y="136"/>
                  <a:pt x="664" y="205"/>
                  <a:pt x="660" y="280"/>
                </a:cubicBezTo>
                <a:moveTo>
                  <a:pt x="765" y="67"/>
                </a:moveTo>
                <a:cubicBezTo>
                  <a:pt x="788" y="86"/>
                  <a:pt x="812" y="103"/>
                  <a:pt x="839" y="113"/>
                </a:cubicBezTo>
                <a:cubicBezTo>
                  <a:pt x="862" y="69"/>
                  <a:pt x="893" y="32"/>
                  <a:pt x="930" y="0"/>
                </a:cubicBezTo>
                <a:cubicBezTo>
                  <a:pt x="869" y="7"/>
                  <a:pt x="813" y="30"/>
                  <a:pt x="765" y="67"/>
                </a:cubicBezTo>
                <a:moveTo>
                  <a:pt x="0" y="388"/>
                </a:moveTo>
                <a:cubicBezTo>
                  <a:pt x="600" y="388"/>
                  <a:pt x="600" y="388"/>
                  <a:pt x="600" y="388"/>
                </a:cubicBezTo>
                <a:cubicBezTo>
                  <a:pt x="622" y="495"/>
                  <a:pt x="698" y="584"/>
                  <a:pt x="849" y="646"/>
                </a:cubicBezTo>
                <a:cubicBezTo>
                  <a:pt x="832" y="697"/>
                  <a:pt x="773" y="744"/>
                  <a:pt x="712" y="744"/>
                </a:cubicBezTo>
                <a:cubicBezTo>
                  <a:pt x="387" y="744"/>
                  <a:pt x="387" y="744"/>
                  <a:pt x="387" y="744"/>
                </a:cubicBezTo>
                <a:cubicBezTo>
                  <a:pt x="337" y="744"/>
                  <a:pt x="298" y="703"/>
                  <a:pt x="282" y="671"/>
                </a:cubicBezTo>
                <a:cubicBezTo>
                  <a:pt x="613" y="671"/>
                  <a:pt x="613" y="671"/>
                  <a:pt x="613" y="671"/>
                </a:cubicBezTo>
                <a:cubicBezTo>
                  <a:pt x="633" y="668"/>
                  <a:pt x="634" y="652"/>
                  <a:pt x="614" y="650"/>
                </a:cubicBezTo>
                <a:cubicBezTo>
                  <a:pt x="289" y="650"/>
                  <a:pt x="289" y="650"/>
                  <a:pt x="289" y="650"/>
                </a:cubicBezTo>
                <a:cubicBezTo>
                  <a:pt x="247" y="650"/>
                  <a:pt x="209" y="615"/>
                  <a:pt x="187" y="577"/>
                </a:cubicBezTo>
                <a:cubicBezTo>
                  <a:pt x="565" y="577"/>
                  <a:pt x="565" y="577"/>
                  <a:pt x="565" y="577"/>
                </a:cubicBezTo>
                <a:cubicBezTo>
                  <a:pt x="584" y="574"/>
                  <a:pt x="584" y="558"/>
                  <a:pt x="565" y="556"/>
                </a:cubicBezTo>
                <a:cubicBezTo>
                  <a:pt x="184" y="556"/>
                  <a:pt x="184" y="556"/>
                  <a:pt x="184" y="556"/>
                </a:cubicBezTo>
                <a:cubicBezTo>
                  <a:pt x="146" y="556"/>
                  <a:pt x="111" y="512"/>
                  <a:pt x="96" y="483"/>
                </a:cubicBezTo>
                <a:cubicBezTo>
                  <a:pt x="515" y="483"/>
                  <a:pt x="515" y="483"/>
                  <a:pt x="515" y="483"/>
                </a:cubicBezTo>
                <a:cubicBezTo>
                  <a:pt x="536" y="480"/>
                  <a:pt x="536" y="461"/>
                  <a:pt x="515" y="460"/>
                </a:cubicBezTo>
                <a:cubicBezTo>
                  <a:pt x="89" y="460"/>
                  <a:pt x="89" y="460"/>
                  <a:pt x="89" y="460"/>
                </a:cubicBezTo>
                <a:cubicBezTo>
                  <a:pt x="55" y="460"/>
                  <a:pt x="23" y="425"/>
                  <a:pt x="0" y="388"/>
                </a:cubicBezTo>
                <a:moveTo>
                  <a:pt x="1920" y="388"/>
                </a:moveTo>
                <a:cubicBezTo>
                  <a:pt x="1320" y="388"/>
                  <a:pt x="1320" y="388"/>
                  <a:pt x="1320" y="388"/>
                </a:cubicBezTo>
                <a:cubicBezTo>
                  <a:pt x="1298" y="495"/>
                  <a:pt x="1222" y="584"/>
                  <a:pt x="1071" y="646"/>
                </a:cubicBezTo>
                <a:cubicBezTo>
                  <a:pt x="1088" y="697"/>
                  <a:pt x="1147" y="744"/>
                  <a:pt x="1208" y="744"/>
                </a:cubicBezTo>
                <a:cubicBezTo>
                  <a:pt x="1533" y="744"/>
                  <a:pt x="1533" y="744"/>
                  <a:pt x="1533" y="744"/>
                </a:cubicBezTo>
                <a:cubicBezTo>
                  <a:pt x="1583" y="744"/>
                  <a:pt x="1622" y="703"/>
                  <a:pt x="1638" y="671"/>
                </a:cubicBezTo>
                <a:cubicBezTo>
                  <a:pt x="1307" y="671"/>
                  <a:pt x="1307" y="671"/>
                  <a:pt x="1307" y="671"/>
                </a:cubicBezTo>
                <a:cubicBezTo>
                  <a:pt x="1287" y="668"/>
                  <a:pt x="1286" y="652"/>
                  <a:pt x="1306" y="650"/>
                </a:cubicBezTo>
                <a:cubicBezTo>
                  <a:pt x="1631" y="650"/>
                  <a:pt x="1631" y="650"/>
                  <a:pt x="1631" y="650"/>
                </a:cubicBezTo>
                <a:cubicBezTo>
                  <a:pt x="1673" y="650"/>
                  <a:pt x="1711" y="615"/>
                  <a:pt x="1733" y="577"/>
                </a:cubicBezTo>
                <a:cubicBezTo>
                  <a:pt x="1355" y="577"/>
                  <a:pt x="1355" y="577"/>
                  <a:pt x="1355" y="577"/>
                </a:cubicBezTo>
                <a:cubicBezTo>
                  <a:pt x="1336" y="574"/>
                  <a:pt x="1336" y="558"/>
                  <a:pt x="1355" y="556"/>
                </a:cubicBezTo>
                <a:cubicBezTo>
                  <a:pt x="1736" y="556"/>
                  <a:pt x="1736" y="556"/>
                  <a:pt x="1736" y="556"/>
                </a:cubicBezTo>
                <a:cubicBezTo>
                  <a:pt x="1774" y="556"/>
                  <a:pt x="1809" y="512"/>
                  <a:pt x="1824" y="483"/>
                </a:cubicBezTo>
                <a:cubicBezTo>
                  <a:pt x="1405" y="483"/>
                  <a:pt x="1405" y="483"/>
                  <a:pt x="1405" y="483"/>
                </a:cubicBezTo>
                <a:cubicBezTo>
                  <a:pt x="1384" y="480"/>
                  <a:pt x="1384" y="461"/>
                  <a:pt x="1405" y="460"/>
                </a:cubicBezTo>
                <a:cubicBezTo>
                  <a:pt x="1831" y="460"/>
                  <a:pt x="1831" y="460"/>
                  <a:pt x="1831" y="460"/>
                </a:cubicBezTo>
                <a:cubicBezTo>
                  <a:pt x="1865" y="460"/>
                  <a:pt x="1897" y="425"/>
                  <a:pt x="1920" y="388"/>
                </a:cubicBezTo>
                <a:moveTo>
                  <a:pt x="1245" y="1200"/>
                </a:moveTo>
                <a:cubicBezTo>
                  <a:pt x="1437" y="819"/>
                  <a:pt x="1437" y="819"/>
                  <a:pt x="1437" y="819"/>
                </a:cubicBezTo>
                <a:cubicBezTo>
                  <a:pt x="1563" y="819"/>
                  <a:pt x="1563" y="819"/>
                  <a:pt x="1563" y="819"/>
                </a:cubicBezTo>
                <a:cubicBezTo>
                  <a:pt x="1643" y="1200"/>
                  <a:pt x="1643" y="1200"/>
                  <a:pt x="1643" y="1200"/>
                </a:cubicBezTo>
                <a:cubicBezTo>
                  <a:pt x="1523" y="1200"/>
                  <a:pt x="1523" y="1200"/>
                  <a:pt x="1523" y="1200"/>
                </a:cubicBezTo>
                <a:cubicBezTo>
                  <a:pt x="1518" y="1155"/>
                  <a:pt x="1518" y="1155"/>
                  <a:pt x="1518" y="1155"/>
                </a:cubicBezTo>
                <a:cubicBezTo>
                  <a:pt x="1392" y="1155"/>
                  <a:pt x="1392" y="1155"/>
                  <a:pt x="1392" y="1155"/>
                </a:cubicBezTo>
                <a:cubicBezTo>
                  <a:pt x="1371" y="1200"/>
                  <a:pt x="1371" y="1200"/>
                  <a:pt x="1371" y="1200"/>
                </a:cubicBezTo>
                <a:lnTo>
                  <a:pt x="1245" y="1200"/>
                </a:lnTo>
                <a:close/>
                <a:moveTo>
                  <a:pt x="1423" y="1075"/>
                </a:moveTo>
                <a:cubicBezTo>
                  <a:pt x="1504" y="1075"/>
                  <a:pt x="1504" y="1075"/>
                  <a:pt x="1504" y="1075"/>
                </a:cubicBezTo>
                <a:cubicBezTo>
                  <a:pt x="1483" y="936"/>
                  <a:pt x="1483" y="936"/>
                  <a:pt x="1483" y="936"/>
                </a:cubicBezTo>
                <a:lnTo>
                  <a:pt x="1423" y="1075"/>
                </a:lnTo>
                <a:close/>
                <a:moveTo>
                  <a:pt x="994" y="1200"/>
                </a:moveTo>
                <a:cubicBezTo>
                  <a:pt x="1038" y="914"/>
                  <a:pt x="1038" y="914"/>
                  <a:pt x="1038" y="914"/>
                </a:cubicBezTo>
                <a:cubicBezTo>
                  <a:pt x="927" y="914"/>
                  <a:pt x="927" y="914"/>
                  <a:pt x="927" y="914"/>
                </a:cubicBezTo>
                <a:cubicBezTo>
                  <a:pt x="946" y="817"/>
                  <a:pt x="946" y="817"/>
                  <a:pt x="946" y="817"/>
                </a:cubicBezTo>
                <a:cubicBezTo>
                  <a:pt x="1289" y="817"/>
                  <a:pt x="1289" y="817"/>
                  <a:pt x="1289" y="817"/>
                </a:cubicBezTo>
                <a:cubicBezTo>
                  <a:pt x="1269" y="914"/>
                  <a:pt x="1269" y="914"/>
                  <a:pt x="1269" y="914"/>
                </a:cubicBezTo>
                <a:cubicBezTo>
                  <a:pt x="1163" y="914"/>
                  <a:pt x="1163" y="914"/>
                  <a:pt x="1163" y="914"/>
                </a:cubicBezTo>
                <a:cubicBezTo>
                  <a:pt x="1120" y="1200"/>
                  <a:pt x="1120" y="1200"/>
                  <a:pt x="1120" y="1200"/>
                </a:cubicBezTo>
                <a:lnTo>
                  <a:pt x="994" y="1200"/>
                </a:lnTo>
                <a:close/>
                <a:moveTo>
                  <a:pt x="479" y="1200"/>
                </a:moveTo>
                <a:cubicBezTo>
                  <a:pt x="672" y="819"/>
                  <a:pt x="672" y="819"/>
                  <a:pt x="672" y="819"/>
                </a:cubicBezTo>
                <a:cubicBezTo>
                  <a:pt x="798" y="819"/>
                  <a:pt x="798" y="819"/>
                  <a:pt x="798" y="819"/>
                </a:cubicBezTo>
                <a:cubicBezTo>
                  <a:pt x="877" y="1200"/>
                  <a:pt x="877" y="1200"/>
                  <a:pt x="877" y="1200"/>
                </a:cubicBezTo>
                <a:cubicBezTo>
                  <a:pt x="759" y="1200"/>
                  <a:pt x="759" y="1200"/>
                  <a:pt x="759" y="1200"/>
                </a:cubicBezTo>
                <a:cubicBezTo>
                  <a:pt x="752" y="1155"/>
                  <a:pt x="752" y="1155"/>
                  <a:pt x="752" y="1155"/>
                </a:cubicBezTo>
                <a:cubicBezTo>
                  <a:pt x="626" y="1155"/>
                  <a:pt x="626" y="1155"/>
                  <a:pt x="626" y="1155"/>
                </a:cubicBezTo>
                <a:cubicBezTo>
                  <a:pt x="606" y="1200"/>
                  <a:pt x="606" y="1200"/>
                  <a:pt x="606" y="1200"/>
                </a:cubicBezTo>
                <a:lnTo>
                  <a:pt x="479" y="1200"/>
                </a:lnTo>
                <a:close/>
                <a:moveTo>
                  <a:pt x="657" y="1075"/>
                </a:moveTo>
                <a:cubicBezTo>
                  <a:pt x="739" y="1075"/>
                  <a:pt x="739" y="1075"/>
                  <a:pt x="739" y="1075"/>
                </a:cubicBezTo>
                <a:cubicBezTo>
                  <a:pt x="717" y="936"/>
                  <a:pt x="717" y="936"/>
                  <a:pt x="717" y="936"/>
                </a:cubicBezTo>
                <a:lnTo>
                  <a:pt x="657" y="1075"/>
                </a:lnTo>
                <a:close/>
                <a:moveTo>
                  <a:pt x="273" y="1200"/>
                </a:moveTo>
                <a:cubicBezTo>
                  <a:pt x="351" y="819"/>
                  <a:pt x="351" y="819"/>
                  <a:pt x="351" y="819"/>
                </a:cubicBezTo>
                <a:cubicBezTo>
                  <a:pt x="479" y="819"/>
                  <a:pt x="479" y="819"/>
                  <a:pt x="479" y="819"/>
                </a:cubicBezTo>
                <a:cubicBezTo>
                  <a:pt x="401" y="1200"/>
                  <a:pt x="401" y="1200"/>
                  <a:pt x="401" y="1200"/>
                </a:cubicBezTo>
                <a:lnTo>
                  <a:pt x="273" y="1200"/>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a:p>
        </p:txBody>
      </p:sp>
    </p:spTree>
    <p:extLst>
      <p:ext uri="{BB962C8B-B14F-4D97-AF65-F5344CB8AC3E}">
        <p14:creationId xmlns:p14="http://schemas.microsoft.com/office/powerpoint/2010/main" val="101991219"/>
      </p:ext>
    </p:extLst>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type="blank" preserve="1">
  <p:cSld name="WHITE_Blank">
    <p:spTree>
      <p:nvGrpSpPr>
        <p:cNvPr id="1" name=""/>
        <p:cNvGrpSpPr/>
        <p:nvPr/>
      </p:nvGrpSpPr>
      <p:grpSpPr>
        <a:xfrm>
          <a:off x="0" y="0"/>
          <a:ext cx="0" cy="0"/>
          <a:chOff x="0" y="0"/>
          <a:chExt cx="0" cy="0"/>
        </a:xfrm>
      </p:grpSpPr>
      <p:sp>
        <p:nvSpPr>
          <p:cNvPr id="5" name="Freeform 5">
            <a:extLst>
              <a:ext uri="{FF2B5EF4-FFF2-40B4-BE49-F238E27FC236}">
                <a16:creationId xmlns:a16="http://schemas.microsoft.com/office/drawing/2014/main" id="{1A86010D-9F01-497B-8478-6CF04E7FA292}"/>
              </a:ext>
            </a:extLst>
          </p:cNvPr>
          <p:cNvSpPr>
            <a:spLocks noChangeAspect="1" noEditPoints="1"/>
          </p:cNvSpPr>
          <p:nvPr userDrawn="1"/>
        </p:nvSpPr>
        <p:spPr bwMode="auto">
          <a:xfrm>
            <a:off x="10910325" y="5917889"/>
            <a:ext cx="900000" cy="563616"/>
          </a:xfrm>
          <a:custGeom>
            <a:avLst/>
            <a:gdLst>
              <a:gd name="T0" fmla="*/ 971 w 1920"/>
              <a:gd name="T1" fmla="*/ 446 h 1200"/>
              <a:gd name="T2" fmla="*/ 860 w 1920"/>
              <a:gd name="T3" fmla="*/ 461 h 1200"/>
              <a:gd name="T4" fmla="*/ 971 w 1920"/>
              <a:gd name="T5" fmla="*/ 12 h 1200"/>
              <a:gd name="T6" fmla="*/ 971 w 1920"/>
              <a:gd name="T7" fmla="*/ 12 h 1200"/>
              <a:gd name="T8" fmla="*/ 950 w 1920"/>
              <a:gd name="T9" fmla="*/ 137 h 1200"/>
              <a:gd name="T10" fmla="*/ 971 w 1920"/>
              <a:gd name="T11" fmla="*/ 301 h 1200"/>
              <a:gd name="T12" fmla="*/ 971 w 1920"/>
              <a:gd name="T13" fmla="*/ 424 h 1200"/>
              <a:gd name="T14" fmla="*/ 1092 w 1920"/>
              <a:gd name="T15" fmla="*/ 451 h 1200"/>
              <a:gd name="T16" fmla="*/ 1154 w 1920"/>
              <a:gd name="T17" fmla="*/ 514 h 1200"/>
              <a:gd name="T18" fmla="*/ 1154 w 1920"/>
              <a:gd name="T19" fmla="*/ 514 h 1200"/>
              <a:gd name="T20" fmla="*/ 816 w 1920"/>
              <a:gd name="T21" fmla="*/ 301 h 1200"/>
              <a:gd name="T22" fmla="*/ 660 w 1920"/>
              <a:gd name="T23" fmla="*/ 301 h 1200"/>
              <a:gd name="T24" fmla="*/ 749 w 1920"/>
              <a:gd name="T25" fmla="*/ 500 h 1200"/>
              <a:gd name="T26" fmla="*/ 839 w 1920"/>
              <a:gd name="T27" fmla="*/ 470 h 1200"/>
              <a:gd name="T28" fmla="*/ 971 w 1920"/>
              <a:gd name="T29" fmla="*/ 158 h 1200"/>
              <a:gd name="T30" fmla="*/ 1071 w 1920"/>
              <a:gd name="T31" fmla="*/ 139 h 1200"/>
              <a:gd name="T32" fmla="*/ 1127 w 1920"/>
              <a:gd name="T33" fmla="*/ 280 h 1200"/>
              <a:gd name="T34" fmla="*/ 1260 w 1920"/>
              <a:gd name="T35" fmla="*/ 280 h 1200"/>
              <a:gd name="T36" fmla="*/ 990 w 1920"/>
              <a:gd name="T37" fmla="*/ 0 h 1200"/>
              <a:gd name="T38" fmla="*/ 950 w 1920"/>
              <a:gd name="T39" fmla="*/ 280 h 1200"/>
              <a:gd name="T40" fmla="*/ 950 w 1920"/>
              <a:gd name="T41" fmla="*/ 158 h 1200"/>
              <a:gd name="T42" fmla="*/ 829 w 1920"/>
              <a:gd name="T43" fmla="*/ 131 h 1200"/>
              <a:gd name="T44" fmla="*/ 765 w 1920"/>
              <a:gd name="T45" fmla="*/ 67 h 1200"/>
              <a:gd name="T46" fmla="*/ 765 w 1920"/>
              <a:gd name="T47" fmla="*/ 67 h 1200"/>
              <a:gd name="T48" fmla="*/ 849 w 1920"/>
              <a:gd name="T49" fmla="*/ 646 h 1200"/>
              <a:gd name="T50" fmla="*/ 282 w 1920"/>
              <a:gd name="T51" fmla="*/ 671 h 1200"/>
              <a:gd name="T52" fmla="*/ 289 w 1920"/>
              <a:gd name="T53" fmla="*/ 650 h 1200"/>
              <a:gd name="T54" fmla="*/ 565 w 1920"/>
              <a:gd name="T55" fmla="*/ 556 h 1200"/>
              <a:gd name="T56" fmla="*/ 515 w 1920"/>
              <a:gd name="T57" fmla="*/ 483 h 1200"/>
              <a:gd name="T58" fmla="*/ 0 w 1920"/>
              <a:gd name="T59" fmla="*/ 388 h 1200"/>
              <a:gd name="T60" fmla="*/ 1071 w 1920"/>
              <a:gd name="T61" fmla="*/ 646 h 1200"/>
              <a:gd name="T62" fmla="*/ 1638 w 1920"/>
              <a:gd name="T63" fmla="*/ 671 h 1200"/>
              <a:gd name="T64" fmla="*/ 1631 w 1920"/>
              <a:gd name="T65" fmla="*/ 650 h 1200"/>
              <a:gd name="T66" fmla="*/ 1355 w 1920"/>
              <a:gd name="T67" fmla="*/ 556 h 1200"/>
              <a:gd name="T68" fmla="*/ 1405 w 1920"/>
              <a:gd name="T69" fmla="*/ 483 h 1200"/>
              <a:gd name="T70" fmla="*/ 1920 w 1920"/>
              <a:gd name="T71" fmla="*/ 388 h 1200"/>
              <a:gd name="T72" fmla="*/ 1563 w 1920"/>
              <a:gd name="T73" fmla="*/ 819 h 1200"/>
              <a:gd name="T74" fmla="*/ 1518 w 1920"/>
              <a:gd name="T75" fmla="*/ 1155 h 1200"/>
              <a:gd name="T76" fmla="*/ 1245 w 1920"/>
              <a:gd name="T77" fmla="*/ 1200 h 1200"/>
              <a:gd name="T78" fmla="*/ 1483 w 1920"/>
              <a:gd name="T79" fmla="*/ 936 h 1200"/>
              <a:gd name="T80" fmla="*/ 1038 w 1920"/>
              <a:gd name="T81" fmla="*/ 914 h 1200"/>
              <a:gd name="T82" fmla="*/ 1289 w 1920"/>
              <a:gd name="T83" fmla="*/ 817 h 1200"/>
              <a:gd name="T84" fmla="*/ 1120 w 1920"/>
              <a:gd name="T85" fmla="*/ 1200 h 1200"/>
              <a:gd name="T86" fmla="*/ 672 w 1920"/>
              <a:gd name="T87" fmla="*/ 819 h 1200"/>
              <a:gd name="T88" fmla="*/ 759 w 1920"/>
              <a:gd name="T89" fmla="*/ 1200 h 1200"/>
              <a:gd name="T90" fmla="*/ 606 w 1920"/>
              <a:gd name="T91" fmla="*/ 1200 h 1200"/>
              <a:gd name="T92" fmla="*/ 739 w 1920"/>
              <a:gd name="T93" fmla="*/ 1075 h 1200"/>
              <a:gd name="T94" fmla="*/ 273 w 1920"/>
              <a:gd name="T95" fmla="*/ 1200 h 1200"/>
              <a:gd name="T96" fmla="*/ 401 w 1920"/>
              <a:gd name="T97" fmla="*/ 1200 h 1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920" h="1200">
                <a:moveTo>
                  <a:pt x="971" y="571"/>
                </a:moveTo>
                <a:cubicBezTo>
                  <a:pt x="1007" y="542"/>
                  <a:pt x="1039" y="503"/>
                  <a:pt x="1060" y="461"/>
                </a:cubicBezTo>
                <a:cubicBezTo>
                  <a:pt x="1032" y="452"/>
                  <a:pt x="1001" y="446"/>
                  <a:pt x="971" y="446"/>
                </a:cubicBezTo>
                <a:lnTo>
                  <a:pt x="971" y="571"/>
                </a:lnTo>
                <a:close/>
                <a:moveTo>
                  <a:pt x="950" y="569"/>
                </a:moveTo>
                <a:cubicBezTo>
                  <a:pt x="913" y="542"/>
                  <a:pt x="881" y="503"/>
                  <a:pt x="860" y="461"/>
                </a:cubicBezTo>
                <a:cubicBezTo>
                  <a:pt x="888" y="451"/>
                  <a:pt x="919" y="446"/>
                  <a:pt x="950" y="446"/>
                </a:cubicBezTo>
                <a:lnTo>
                  <a:pt x="950" y="569"/>
                </a:lnTo>
                <a:close/>
                <a:moveTo>
                  <a:pt x="971" y="12"/>
                </a:moveTo>
                <a:cubicBezTo>
                  <a:pt x="1007" y="41"/>
                  <a:pt x="1039" y="79"/>
                  <a:pt x="1060" y="120"/>
                </a:cubicBezTo>
                <a:cubicBezTo>
                  <a:pt x="1032" y="130"/>
                  <a:pt x="1001" y="137"/>
                  <a:pt x="971" y="137"/>
                </a:cubicBezTo>
                <a:lnTo>
                  <a:pt x="971" y="12"/>
                </a:lnTo>
                <a:close/>
                <a:moveTo>
                  <a:pt x="950" y="12"/>
                </a:moveTo>
                <a:cubicBezTo>
                  <a:pt x="913" y="41"/>
                  <a:pt x="881" y="80"/>
                  <a:pt x="860" y="120"/>
                </a:cubicBezTo>
                <a:cubicBezTo>
                  <a:pt x="888" y="129"/>
                  <a:pt x="919" y="137"/>
                  <a:pt x="950" y="137"/>
                </a:cubicBezTo>
                <a:lnTo>
                  <a:pt x="950" y="12"/>
                </a:lnTo>
                <a:close/>
                <a:moveTo>
                  <a:pt x="971" y="424"/>
                </a:moveTo>
                <a:cubicBezTo>
                  <a:pt x="971" y="301"/>
                  <a:pt x="971" y="301"/>
                  <a:pt x="971" y="301"/>
                </a:cubicBezTo>
                <a:cubicBezTo>
                  <a:pt x="1104" y="301"/>
                  <a:pt x="1104" y="301"/>
                  <a:pt x="1104" y="301"/>
                </a:cubicBezTo>
                <a:cubicBezTo>
                  <a:pt x="1104" y="350"/>
                  <a:pt x="1092" y="398"/>
                  <a:pt x="1071" y="443"/>
                </a:cubicBezTo>
                <a:cubicBezTo>
                  <a:pt x="1040" y="432"/>
                  <a:pt x="1004" y="424"/>
                  <a:pt x="971" y="424"/>
                </a:cubicBezTo>
                <a:moveTo>
                  <a:pt x="1260" y="301"/>
                </a:moveTo>
                <a:cubicBezTo>
                  <a:pt x="1127" y="301"/>
                  <a:pt x="1127" y="301"/>
                  <a:pt x="1127" y="301"/>
                </a:cubicBezTo>
                <a:cubicBezTo>
                  <a:pt x="1125" y="355"/>
                  <a:pt x="1114" y="403"/>
                  <a:pt x="1092" y="451"/>
                </a:cubicBezTo>
                <a:cubicBezTo>
                  <a:pt x="1120" y="464"/>
                  <a:pt x="1146" y="480"/>
                  <a:pt x="1171" y="500"/>
                </a:cubicBezTo>
                <a:cubicBezTo>
                  <a:pt x="1225" y="447"/>
                  <a:pt x="1257" y="375"/>
                  <a:pt x="1260" y="301"/>
                </a:cubicBezTo>
                <a:moveTo>
                  <a:pt x="1154" y="514"/>
                </a:moveTo>
                <a:cubicBezTo>
                  <a:pt x="1133" y="496"/>
                  <a:pt x="1107" y="480"/>
                  <a:pt x="1081" y="470"/>
                </a:cubicBezTo>
                <a:cubicBezTo>
                  <a:pt x="1057" y="513"/>
                  <a:pt x="1028" y="549"/>
                  <a:pt x="990" y="582"/>
                </a:cubicBezTo>
                <a:cubicBezTo>
                  <a:pt x="1051" y="574"/>
                  <a:pt x="1107" y="552"/>
                  <a:pt x="1154" y="514"/>
                </a:cubicBezTo>
                <a:moveTo>
                  <a:pt x="950" y="424"/>
                </a:moveTo>
                <a:cubicBezTo>
                  <a:pt x="950" y="301"/>
                  <a:pt x="950" y="301"/>
                  <a:pt x="950" y="301"/>
                </a:cubicBezTo>
                <a:cubicBezTo>
                  <a:pt x="816" y="301"/>
                  <a:pt x="816" y="301"/>
                  <a:pt x="816" y="301"/>
                </a:cubicBezTo>
                <a:cubicBezTo>
                  <a:pt x="817" y="350"/>
                  <a:pt x="828" y="399"/>
                  <a:pt x="849" y="443"/>
                </a:cubicBezTo>
                <a:cubicBezTo>
                  <a:pt x="881" y="432"/>
                  <a:pt x="915" y="424"/>
                  <a:pt x="950" y="424"/>
                </a:cubicBezTo>
                <a:moveTo>
                  <a:pt x="660" y="301"/>
                </a:moveTo>
                <a:cubicBezTo>
                  <a:pt x="793" y="301"/>
                  <a:pt x="793" y="301"/>
                  <a:pt x="793" y="301"/>
                </a:cubicBezTo>
                <a:cubicBezTo>
                  <a:pt x="796" y="355"/>
                  <a:pt x="808" y="402"/>
                  <a:pt x="829" y="451"/>
                </a:cubicBezTo>
                <a:cubicBezTo>
                  <a:pt x="800" y="464"/>
                  <a:pt x="774" y="480"/>
                  <a:pt x="749" y="500"/>
                </a:cubicBezTo>
                <a:cubicBezTo>
                  <a:pt x="695" y="447"/>
                  <a:pt x="664" y="377"/>
                  <a:pt x="660" y="301"/>
                </a:cubicBezTo>
                <a:moveTo>
                  <a:pt x="765" y="514"/>
                </a:moveTo>
                <a:cubicBezTo>
                  <a:pt x="788" y="497"/>
                  <a:pt x="813" y="479"/>
                  <a:pt x="839" y="470"/>
                </a:cubicBezTo>
                <a:cubicBezTo>
                  <a:pt x="863" y="513"/>
                  <a:pt x="892" y="549"/>
                  <a:pt x="930" y="582"/>
                </a:cubicBezTo>
                <a:cubicBezTo>
                  <a:pt x="869" y="574"/>
                  <a:pt x="812" y="552"/>
                  <a:pt x="765" y="514"/>
                </a:cubicBezTo>
                <a:moveTo>
                  <a:pt x="971" y="158"/>
                </a:moveTo>
                <a:cubicBezTo>
                  <a:pt x="971" y="280"/>
                  <a:pt x="971" y="280"/>
                  <a:pt x="971" y="280"/>
                </a:cubicBezTo>
                <a:cubicBezTo>
                  <a:pt x="1104" y="280"/>
                  <a:pt x="1104" y="280"/>
                  <a:pt x="1104" y="280"/>
                </a:cubicBezTo>
                <a:cubicBezTo>
                  <a:pt x="1104" y="231"/>
                  <a:pt x="1092" y="184"/>
                  <a:pt x="1071" y="139"/>
                </a:cubicBezTo>
                <a:cubicBezTo>
                  <a:pt x="1039" y="150"/>
                  <a:pt x="1005" y="157"/>
                  <a:pt x="971" y="158"/>
                </a:cubicBezTo>
                <a:moveTo>
                  <a:pt x="1260" y="280"/>
                </a:moveTo>
                <a:cubicBezTo>
                  <a:pt x="1127" y="280"/>
                  <a:pt x="1127" y="280"/>
                  <a:pt x="1127" y="280"/>
                </a:cubicBezTo>
                <a:cubicBezTo>
                  <a:pt x="1125" y="227"/>
                  <a:pt x="1113" y="178"/>
                  <a:pt x="1092" y="131"/>
                </a:cubicBezTo>
                <a:cubicBezTo>
                  <a:pt x="1120" y="118"/>
                  <a:pt x="1147" y="102"/>
                  <a:pt x="1171" y="82"/>
                </a:cubicBezTo>
                <a:cubicBezTo>
                  <a:pt x="1228" y="138"/>
                  <a:pt x="1257" y="207"/>
                  <a:pt x="1260" y="280"/>
                </a:cubicBezTo>
                <a:moveTo>
                  <a:pt x="1154" y="67"/>
                </a:moveTo>
                <a:cubicBezTo>
                  <a:pt x="1133" y="86"/>
                  <a:pt x="1107" y="103"/>
                  <a:pt x="1081" y="113"/>
                </a:cubicBezTo>
                <a:cubicBezTo>
                  <a:pt x="1057" y="68"/>
                  <a:pt x="1028" y="33"/>
                  <a:pt x="990" y="0"/>
                </a:cubicBezTo>
                <a:cubicBezTo>
                  <a:pt x="1051" y="7"/>
                  <a:pt x="1107" y="30"/>
                  <a:pt x="1154" y="67"/>
                </a:cubicBezTo>
                <a:moveTo>
                  <a:pt x="950" y="158"/>
                </a:moveTo>
                <a:cubicBezTo>
                  <a:pt x="950" y="280"/>
                  <a:pt x="950" y="280"/>
                  <a:pt x="950" y="280"/>
                </a:cubicBezTo>
                <a:cubicBezTo>
                  <a:pt x="816" y="280"/>
                  <a:pt x="816" y="280"/>
                  <a:pt x="816" y="280"/>
                </a:cubicBezTo>
                <a:cubicBezTo>
                  <a:pt x="817" y="232"/>
                  <a:pt x="828" y="183"/>
                  <a:pt x="849" y="139"/>
                </a:cubicBezTo>
                <a:cubicBezTo>
                  <a:pt x="881" y="150"/>
                  <a:pt x="915" y="157"/>
                  <a:pt x="950" y="158"/>
                </a:cubicBezTo>
                <a:moveTo>
                  <a:pt x="660" y="280"/>
                </a:moveTo>
                <a:cubicBezTo>
                  <a:pt x="793" y="280"/>
                  <a:pt x="793" y="280"/>
                  <a:pt x="793" y="280"/>
                </a:cubicBezTo>
                <a:cubicBezTo>
                  <a:pt x="796" y="227"/>
                  <a:pt x="808" y="179"/>
                  <a:pt x="829" y="131"/>
                </a:cubicBezTo>
                <a:cubicBezTo>
                  <a:pt x="800" y="118"/>
                  <a:pt x="774" y="103"/>
                  <a:pt x="749" y="82"/>
                </a:cubicBezTo>
                <a:cubicBezTo>
                  <a:pt x="694" y="136"/>
                  <a:pt x="664" y="205"/>
                  <a:pt x="660" y="280"/>
                </a:cubicBezTo>
                <a:moveTo>
                  <a:pt x="765" y="67"/>
                </a:moveTo>
                <a:cubicBezTo>
                  <a:pt x="788" y="86"/>
                  <a:pt x="812" y="103"/>
                  <a:pt x="839" y="113"/>
                </a:cubicBezTo>
                <a:cubicBezTo>
                  <a:pt x="862" y="69"/>
                  <a:pt x="893" y="32"/>
                  <a:pt x="930" y="0"/>
                </a:cubicBezTo>
                <a:cubicBezTo>
                  <a:pt x="869" y="7"/>
                  <a:pt x="813" y="30"/>
                  <a:pt x="765" y="67"/>
                </a:cubicBezTo>
                <a:moveTo>
                  <a:pt x="0" y="388"/>
                </a:moveTo>
                <a:cubicBezTo>
                  <a:pt x="600" y="388"/>
                  <a:pt x="600" y="388"/>
                  <a:pt x="600" y="388"/>
                </a:cubicBezTo>
                <a:cubicBezTo>
                  <a:pt x="622" y="495"/>
                  <a:pt x="698" y="584"/>
                  <a:pt x="849" y="646"/>
                </a:cubicBezTo>
                <a:cubicBezTo>
                  <a:pt x="832" y="697"/>
                  <a:pt x="773" y="744"/>
                  <a:pt x="712" y="744"/>
                </a:cubicBezTo>
                <a:cubicBezTo>
                  <a:pt x="387" y="744"/>
                  <a:pt x="387" y="744"/>
                  <a:pt x="387" y="744"/>
                </a:cubicBezTo>
                <a:cubicBezTo>
                  <a:pt x="337" y="744"/>
                  <a:pt x="298" y="703"/>
                  <a:pt x="282" y="671"/>
                </a:cubicBezTo>
                <a:cubicBezTo>
                  <a:pt x="613" y="671"/>
                  <a:pt x="613" y="671"/>
                  <a:pt x="613" y="671"/>
                </a:cubicBezTo>
                <a:cubicBezTo>
                  <a:pt x="633" y="668"/>
                  <a:pt x="634" y="652"/>
                  <a:pt x="614" y="650"/>
                </a:cubicBezTo>
                <a:cubicBezTo>
                  <a:pt x="289" y="650"/>
                  <a:pt x="289" y="650"/>
                  <a:pt x="289" y="650"/>
                </a:cubicBezTo>
                <a:cubicBezTo>
                  <a:pt x="247" y="650"/>
                  <a:pt x="209" y="615"/>
                  <a:pt x="187" y="577"/>
                </a:cubicBezTo>
                <a:cubicBezTo>
                  <a:pt x="565" y="577"/>
                  <a:pt x="565" y="577"/>
                  <a:pt x="565" y="577"/>
                </a:cubicBezTo>
                <a:cubicBezTo>
                  <a:pt x="584" y="574"/>
                  <a:pt x="584" y="558"/>
                  <a:pt x="565" y="556"/>
                </a:cubicBezTo>
                <a:cubicBezTo>
                  <a:pt x="184" y="556"/>
                  <a:pt x="184" y="556"/>
                  <a:pt x="184" y="556"/>
                </a:cubicBezTo>
                <a:cubicBezTo>
                  <a:pt x="146" y="556"/>
                  <a:pt x="111" y="512"/>
                  <a:pt x="96" y="483"/>
                </a:cubicBezTo>
                <a:cubicBezTo>
                  <a:pt x="515" y="483"/>
                  <a:pt x="515" y="483"/>
                  <a:pt x="515" y="483"/>
                </a:cubicBezTo>
                <a:cubicBezTo>
                  <a:pt x="536" y="480"/>
                  <a:pt x="536" y="461"/>
                  <a:pt x="515" y="460"/>
                </a:cubicBezTo>
                <a:cubicBezTo>
                  <a:pt x="89" y="460"/>
                  <a:pt x="89" y="460"/>
                  <a:pt x="89" y="460"/>
                </a:cubicBezTo>
                <a:cubicBezTo>
                  <a:pt x="55" y="460"/>
                  <a:pt x="23" y="425"/>
                  <a:pt x="0" y="388"/>
                </a:cubicBezTo>
                <a:moveTo>
                  <a:pt x="1920" y="388"/>
                </a:moveTo>
                <a:cubicBezTo>
                  <a:pt x="1320" y="388"/>
                  <a:pt x="1320" y="388"/>
                  <a:pt x="1320" y="388"/>
                </a:cubicBezTo>
                <a:cubicBezTo>
                  <a:pt x="1298" y="495"/>
                  <a:pt x="1222" y="584"/>
                  <a:pt x="1071" y="646"/>
                </a:cubicBezTo>
                <a:cubicBezTo>
                  <a:pt x="1088" y="697"/>
                  <a:pt x="1147" y="744"/>
                  <a:pt x="1208" y="744"/>
                </a:cubicBezTo>
                <a:cubicBezTo>
                  <a:pt x="1533" y="744"/>
                  <a:pt x="1533" y="744"/>
                  <a:pt x="1533" y="744"/>
                </a:cubicBezTo>
                <a:cubicBezTo>
                  <a:pt x="1583" y="744"/>
                  <a:pt x="1622" y="703"/>
                  <a:pt x="1638" y="671"/>
                </a:cubicBezTo>
                <a:cubicBezTo>
                  <a:pt x="1307" y="671"/>
                  <a:pt x="1307" y="671"/>
                  <a:pt x="1307" y="671"/>
                </a:cubicBezTo>
                <a:cubicBezTo>
                  <a:pt x="1287" y="668"/>
                  <a:pt x="1286" y="652"/>
                  <a:pt x="1306" y="650"/>
                </a:cubicBezTo>
                <a:cubicBezTo>
                  <a:pt x="1631" y="650"/>
                  <a:pt x="1631" y="650"/>
                  <a:pt x="1631" y="650"/>
                </a:cubicBezTo>
                <a:cubicBezTo>
                  <a:pt x="1673" y="650"/>
                  <a:pt x="1711" y="615"/>
                  <a:pt x="1733" y="577"/>
                </a:cubicBezTo>
                <a:cubicBezTo>
                  <a:pt x="1355" y="577"/>
                  <a:pt x="1355" y="577"/>
                  <a:pt x="1355" y="577"/>
                </a:cubicBezTo>
                <a:cubicBezTo>
                  <a:pt x="1336" y="574"/>
                  <a:pt x="1336" y="558"/>
                  <a:pt x="1355" y="556"/>
                </a:cubicBezTo>
                <a:cubicBezTo>
                  <a:pt x="1736" y="556"/>
                  <a:pt x="1736" y="556"/>
                  <a:pt x="1736" y="556"/>
                </a:cubicBezTo>
                <a:cubicBezTo>
                  <a:pt x="1774" y="556"/>
                  <a:pt x="1809" y="512"/>
                  <a:pt x="1824" y="483"/>
                </a:cubicBezTo>
                <a:cubicBezTo>
                  <a:pt x="1405" y="483"/>
                  <a:pt x="1405" y="483"/>
                  <a:pt x="1405" y="483"/>
                </a:cubicBezTo>
                <a:cubicBezTo>
                  <a:pt x="1384" y="480"/>
                  <a:pt x="1384" y="461"/>
                  <a:pt x="1405" y="460"/>
                </a:cubicBezTo>
                <a:cubicBezTo>
                  <a:pt x="1831" y="460"/>
                  <a:pt x="1831" y="460"/>
                  <a:pt x="1831" y="460"/>
                </a:cubicBezTo>
                <a:cubicBezTo>
                  <a:pt x="1865" y="460"/>
                  <a:pt x="1897" y="425"/>
                  <a:pt x="1920" y="388"/>
                </a:cubicBezTo>
                <a:moveTo>
                  <a:pt x="1245" y="1200"/>
                </a:moveTo>
                <a:cubicBezTo>
                  <a:pt x="1437" y="819"/>
                  <a:pt x="1437" y="819"/>
                  <a:pt x="1437" y="819"/>
                </a:cubicBezTo>
                <a:cubicBezTo>
                  <a:pt x="1563" y="819"/>
                  <a:pt x="1563" y="819"/>
                  <a:pt x="1563" y="819"/>
                </a:cubicBezTo>
                <a:cubicBezTo>
                  <a:pt x="1643" y="1200"/>
                  <a:pt x="1643" y="1200"/>
                  <a:pt x="1643" y="1200"/>
                </a:cubicBezTo>
                <a:cubicBezTo>
                  <a:pt x="1523" y="1200"/>
                  <a:pt x="1523" y="1200"/>
                  <a:pt x="1523" y="1200"/>
                </a:cubicBezTo>
                <a:cubicBezTo>
                  <a:pt x="1518" y="1155"/>
                  <a:pt x="1518" y="1155"/>
                  <a:pt x="1518" y="1155"/>
                </a:cubicBezTo>
                <a:cubicBezTo>
                  <a:pt x="1392" y="1155"/>
                  <a:pt x="1392" y="1155"/>
                  <a:pt x="1392" y="1155"/>
                </a:cubicBezTo>
                <a:cubicBezTo>
                  <a:pt x="1371" y="1200"/>
                  <a:pt x="1371" y="1200"/>
                  <a:pt x="1371" y="1200"/>
                </a:cubicBezTo>
                <a:lnTo>
                  <a:pt x="1245" y="1200"/>
                </a:lnTo>
                <a:close/>
                <a:moveTo>
                  <a:pt x="1423" y="1075"/>
                </a:moveTo>
                <a:cubicBezTo>
                  <a:pt x="1504" y="1075"/>
                  <a:pt x="1504" y="1075"/>
                  <a:pt x="1504" y="1075"/>
                </a:cubicBezTo>
                <a:cubicBezTo>
                  <a:pt x="1483" y="936"/>
                  <a:pt x="1483" y="936"/>
                  <a:pt x="1483" y="936"/>
                </a:cubicBezTo>
                <a:lnTo>
                  <a:pt x="1423" y="1075"/>
                </a:lnTo>
                <a:close/>
                <a:moveTo>
                  <a:pt x="994" y="1200"/>
                </a:moveTo>
                <a:cubicBezTo>
                  <a:pt x="1038" y="914"/>
                  <a:pt x="1038" y="914"/>
                  <a:pt x="1038" y="914"/>
                </a:cubicBezTo>
                <a:cubicBezTo>
                  <a:pt x="927" y="914"/>
                  <a:pt x="927" y="914"/>
                  <a:pt x="927" y="914"/>
                </a:cubicBezTo>
                <a:cubicBezTo>
                  <a:pt x="946" y="817"/>
                  <a:pt x="946" y="817"/>
                  <a:pt x="946" y="817"/>
                </a:cubicBezTo>
                <a:cubicBezTo>
                  <a:pt x="1289" y="817"/>
                  <a:pt x="1289" y="817"/>
                  <a:pt x="1289" y="817"/>
                </a:cubicBezTo>
                <a:cubicBezTo>
                  <a:pt x="1269" y="914"/>
                  <a:pt x="1269" y="914"/>
                  <a:pt x="1269" y="914"/>
                </a:cubicBezTo>
                <a:cubicBezTo>
                  <a:pt x="1163" y="914"/>
                  <a:pt x="1163" y="914"/>
                  <a:pt x="1163" y="914"/>
                </a:cubicBezTo>
                <a:cubicBezTo>
                  <a:pt x="1120" y="1200"/>
                  <a:pt x="1120" y="1200"/>
                  <a:pt x="1120" y="1200"/>
                </a:cubicBezTo>
                <a:lnTo>
                  <a:pt x="994" y="1200"/>
                </a:lnTo>
                <a:close/>
                <a:moveTo>
                  <a:pt x="479" y="1200"/>
                </a:moveTo>
                <a:cubicBezTo>
                  <a:pt x="672" y="819"/>
                  <a:pt x="672" y="819"/>
                  <a:pt x="672" y="819"/>
                </a:cubicBezTo>
                <a:cubicBezTo>
                  <a:pt x="798" y="819"/>
                  <a:pt x="798" y="819"/>
                  <a:pt x="798" y="819"/>
                </a:cubicBezTo>
                <a:cubicBezTo>
                  <a:pt x="877" y="1200"/>
                  <a:pt x="877" y="1200"/>
                  <a:pt x="877" y="1200"/>
                </a:cubicBezTo>
                <a:cubicBezTo>
                  <a:pt x="759" y="1200"/>
                  <a:pt x="759" y="1200"/>
                  <a:pt x="759" y="1200"/>
                </a:cubicBezTo>
                <a:cubicBezTo>
                  <a:pt x="752" y="1155"/>
                  <a:pt x="752" y="1155"/>
                  <a:pt x="752" y="1155"/>
                </a:cubicBezTo>
                <a:cubicBezTo>
                  <a:pt x="626" y="1155"/>
                  <a:pt x="626" y="1155"/>
                  <a:pt x="626" y="1155"/>
                </a:cubicBezTo>
                <a:cubicBezTo>
                  <a:pt x="606" y="1200"/>
                  <a:pt x="606" y="1200"/>
                  <a:pt x="606" y="1200"/>
                </a:cubicBezTo>
                <a:lnTo>
                  <a:pt x="479" y="1200"/>
                </a:lnTo>
                <a:close/>
                <a:moveTo>
                  <a:pt x="657" y="1075"/>
                </a:moveTo>
                <a:cubicBezTo>
                  <a:pt x="739" y="1075"/>
                  <a:pt x="739" y="1075"/>
                  <a:pt x="739" y="1075"/>
                </a:cubicBezTo>
                <a:cubicBezTo>
                  <a:pt x="717" y="936"/>
                  <a:pt x="717" y="936"/>
                  <a:pt x="717" y="936"/>
                </a:cubicBezTo>
                <a:lnTo>
                  <a:pt x="657" y="1075"/>
                </a:lnTo>
                <a:close/>
                <a:moveTo>
                  <a:pt x="273" y="1200"/>
                </a:moveTo>
                <a:cubicBezTo>
                  <a:pt x="351" y="819"/>
                  <a:pt x="351" y="819"/>
                  <a:pt x="351" y="819"/>
                </a:cubicBezTo>
                <a:cubicBezTo>
                  <a:pt x="479" y="819"/>
                  <a:pt x="479" y="819"/>
                  <a:pt x="479" y="819"/>
                </a:cubicBezTo>
                <a:cubicBezTo>
                  <a:pt x="401" y="1200"/>
                  <a:pt x="401" y="1200"/>
                  <a:pt x="401" y="1200"/>
                </a:cubicBezTo>
                <a:lnTo>
                  <a:pt x="273" y="1200"/>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a:p>
        </p:txBody>
      </p:sp>
      <p:sp>
        <p:nvSpPr>
          <p:cNvPr id="6" name="Date Placeholder 5">
            <a:extLst>
              <a:ext uri="{FF2B5EF4-FFF2-40B4-BE49-F238E27FC236}">
                <a16:creationId xmlns:a16="http://schemas.microsoft.com/office/drawing/2014/main" id="{358FB484-E257-4956-8FB5-C4732E104901}"/>
              </a:ext>
            </a:extLst>
          </p:cNvPr>
          <p:cNvSpPr>
            <a:spLocks noGrp="1"/>
          </p:cNvSpPr>
          <p:nvPr>
            <p:ph type="dt" sz="half" idx="10"/>
          </p:nvPr>
        </p:nvSpPr>
        <p:spPr/>
        <p:txBody>
          <a:bodyPr/>
          <a:lstStyle>
            <a:lvl1pPr>
              <a:defRPr>
                <a:solidFill>
                  <a:schemeClr val="accent1"/>
                </a:solidFill>
              </a:defRPr>
            </a:lvl1pPr>
          </a:lstStyle>
          <a:p>
            <a:fld id="{D8F5EBA1-C1C2-4F6F-970D-CFE4A81E1DB0}" type="datetime3">
              <a:rPr lang="en-US" smtClean="0"/>
              <a:pPr/>
              <a:t>8 November 2023</a:t>
            </a:fld>
            <a:endParaRPr lang="en-US" dirty="0"/>
          </a:p>
        </p:txBody>
      </p:sp>
      <p:sp>
        <p:nvSpPr>
          <p:cNvPr id="7" name="Footer Placeholder 6">
            <a:extLst>
              <a:ext uri="{FF2B5EF4-FFF2-40B4-BE49-F238E27FC236}">
                <a16:creationId xmlns:a16="http://schemas.microsoft.com/office/drawing/2014/main" id="{9AF5AAFD-95B3-4157-BBB5-7CC40DB355FC}"/>
              </a:ext>
            </a:extLst>
          </p:cNvPr>
          <p:cNvSpPr>
            <a:spLocks noGrp="1"/>
          </p:cNvSpPr>
          <p:nvPr>
            <p:ph type="ftr" sz="quarter" idx="11"/>
          </p:nvPr>
        </p:nvSpPr>
        <p:spPr/>
        <p:txBody>
          <a:bodyPr/>
          <a:lstStyle>
            <a:lvl1pPr>
              <a:defRPr>
                <a:solidFill>
                  <a:schemeClr val="accent1"/>
                </a:solidFill>
              </a:defRPr>
            </a:lvl1pPr>
          </a:lstStyle>
          <a:p>
            <a:endParaRPr lang="en-US" dirty="0"/>
          </a:p>
        </p:txBody>
      </p:sp>
      <p:sp>
        <p:nvSpPr>
          <p:cNvPr id="8" name="Slide Number Placeholder 7">
            <a:extLst>
              <a:ext uri="{FF2B5EF4-FFF2-40B4-BE49-F238E27FC236}">
                <a16:creationId xmlns:a16="http://schemas.microsoft.com/office/drawing/2014/main" id="{BA34BD8F-0033-4927-AA44-05B0484E30FA}"/>
              </a:ext>
            </a:extLst>
          </p:cNvPr>
          <p:cNvSpPr>
            <a:spLocks noGrp="1"/>
          </p:cNvSpPr>
          <p:nvPr>
            <p:ph type="sldNum" sz="quarter" idx="12"/>
          </p:nvPr>
        </p:nvSpPr>
        <p:spPr/>
        <p:txBody>
          <a:bodyPr/>
          <a:lstStyle>
            <a:lvl1pPr>
              <a:defRPr>
                <a:solidFill>
                  <a:schemeClr val="accent1"/>
                </a:solidFill>
              </a:defRPr>
            </a:lvl1pPr>
          </a:lstStyle>
          <a:p>
            <a:fld id="{1A9E565A-6679-4A67-8FB7-14EA342FD6E1}" type="slidenum">
              <a:rPr lang="en-US" smtClean="0"/>
              <a:pPr/>
              <a:t>‹#›</a:t>
            </a:fld>
            <a:endParaRPr lang="en-US" dirty="0"/>
          </a:p>
        </p:txBody>
      </p:sp>
    </p:spTree>
    <p:extLst>
      <p:ext uri="{BB962C8B-B14F-4D97-AF65-F5344CB8AC3E}">
        <p14:creationId xmlns:p14="http://schemas.microsoft.com/office/powerpoint/2010/main" val="3827447408"/>
      </p:ext>
    </p:extLst>
  </p:cSld>
  <p:clrMapOvr>
    <a:masterClrMapping/>
  </p:clrMapOvr>
  <p:transition>
    <p:fade/>
  </p:transition>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WHITE_ThankYou-1">
    <p:spTree>
      <p:nvGrpSpPr>
        <p:cNvPr id="1" name=""/>
        <p:cNvGrpSpPr/>
        <p:nvPr/>
      </p:nvGrpSpPr>
      <p:grpSpPr>
        <a:xfrm>
          <a:off x="0" y="0"/>
          <a:ext cx="0" cy="0"/>
          <a:chOff x="0" y="0"/>
          <a:chExt cx="0" cy="0"/>
        </a:xfrm>
      </p:grpSpPr>
      <p:sp>
        <p:nvSpPr>
          <p:cNvPr id="17" name="Picture Placeholder 16">
            <a:extLst>
              <a:ext uri="{FF2B5EF4-FFF2-40B4-BE49-F238E27FC236}">
                <a16:creationId xmlns:a16="http://schemas.microsoft.com/office/drawing/2014/main" id="{DBB8F16C-570A-470A-AC41-3DFDC1411C30}"/>
              </a:ext>
            </a:extLst>
          </p:cNvPr>
          <p:cNvSpPr>
            <a:spLocks noGrp="1"/>
          </p:cNvSpPr>
          <p:nvPr>
            <p:ph type="pic" sz="quarter" idx="13"/>
          </p:nvPr>
        </p:nvSpPr>
        <p:spPr>
          <a:xfrm>
            <a:off x="6448425" y="0"/>
            <a:ext cx="5753100" cy="5753100"/>
          </a:xfrm>
          <a:custGeom>
            <a:avLst/>
            <a:gdLst>
              <a:gd name="connsiteX0" fmla="*/ 0 w 5753100"/>
              <a:gd name="connsiteY0" fmla="*/ 0 h 5753100"/>
              <a:gd name="connsiteX1" fmla="*/ 5753100 w 5753100"/>
              <a:gd name="connsiteY1" fmla="*/ 0 h 5753100"/>
              <a:gd name="connsiteX2" fmla="*/ 5753100 w 5753100"/>
              <a:gd name="connsiteY2" fmla="*/ 5753100 h 5753100"/>
              <a:gd name="connsiteX3" fmla="*/ 5742127 w 5753100"/>
              <a:gd name="connsiteY3" fmla="*/ 5753100 h 5753100"/>
              <a:gd name="connsiteX4" fmla="*/ 4388 w 5753100"/>
              <a:gd name="connsiteY4" fmla="*/ 297076 h 5753100"/>
              <a:gd name="connsiteX5" fmla="*/ 0 w 5753100"/>
              <a:gd name="connsiteY5" fmla="*/ 123264 h 57531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5753100" h="5753100">
                <a:moveTo>
                  <a:pt x="0" y="0"/>
                </a:moveTo>
                <a:lnTo>
                  <a:pt x="5753100" y="0"/>
                </a:lnTo>
                <a:lnTo>
                  <a:pt x="5753100" y="5753100"/>
                </a:lnTo>
                <a:lnTo>
                  <a:pt x="5742127" y="5753100"/>
                </a:lnTo>
                <a:cubicBezTo>
                  <a:pt x="2667478" y="5753100"/>
                  <a:pt x="158214" y="3337026"/>
                  <a:pt x="4388" y="297076"/>
                </a:cubicBezTo>
                <a:lnTo>
                  <a:pt x="0" y="123264"/>
                </a:lnTo>
                <a:close/>
              </a:path>
            </a:pathLst>
          </a:custGeom>
          <a:solidFill>
            <a:schemeClr val="bg2">
              <a:lumMod val="90000"/>
            </a:schemeClr>
          </a:solidFill>
        </p:spPr>
        <p:txBody>
          <a:bodyPr wrap="square" anchor="ctr" anchorCtr="0">
            <a:noAutofit/>
          </a:bodyPr>
          <a:lstStyle>
            <a:lvl1pPr algn="ctr">
              <a:defRPr/>
            </a:lvl1pPr>
          </a:lstStyle>
          <a:p>
            <a:r>
              <a:rPr lang="en-US"/>
              <a:t>Click icon to add picture</a:t>
            </a:r>
          </a:p>
        </p:txBody>
      </p:sp>
      <p:sp>
        <p:nvSpPr>
          <p:cNvPr id="4" name="Date Placeholder 3">
            <a:extLst>
              <a:ext uri="{FF2B5EF4-FFF2-40B4-BE49-F238E27FC236}">
                <a16:creationId xmlns:a16="http://schemas.microsoft.com/office/drawing/2014/main" id="{6FDAC0F2-E162-4565-9679-1193BED926EA}"/>
              </a:ext>
            </a:extLst>
          </p:cNvPr>
          <p:cNvSpPr>
            <a:spLocks noGrp="1"/>
          </p:cNvSpPr>
          <p:nvPr>
            <p:ph type="dt" sz="half" idx="10"/>
          </p:nvPr>
        </p:nvSpPr>
        <p:spPr/>
        <p:txBody>
          <a:bodyPr/>
          <a:lstStyle>
            <a:lvl1pPr>
              <a:defRPr>
                <a:solidFill>
                  <a:schemeClr val="accent1"/>
                </a:solidFill>
              </a:defRPr>
            </a:lvl1pPr>
          </a:lstStyle>
          <a:p>
            <a:fld id="{547513D5-8313-4D89-8E49-067C97135D8A}" type="datetime3">
              <a:rPr lang="en-US" smtClean="0"/>
              <a:pPr/>
              <a:t>8 November 2023</a:t>
            </a:fld>
            <a:endParaRPr lang="en-US"/>
          </a:p>
        </p:txBody>
      </p:sp>
      <p:sp>
        <p:nvSpPr>
          <p:cNvPr id="5" name="Footer Placeholder 4">
            <a:extLst>
              <a:ext uri="{FF2B5EF4-FFF2-40B4-BE49-F238E27FC236}">
                <a16:creationId xmlns:a16="http://schemas.microsoft.com/office/drawing/2014/main" id="{65EF2AD9-AF82-4B19-803C-572B453632B5}"/>
              </a:ext>
            </a:extLst>
          </p:cNvPr>
          <p:cNvSpPr>
            <a:spLocks noGrp="1"/>
          </p:cNvSpPr>
          <p:nvPr>
            <p:ph type="ftr" sz="quarter" idx="11"/>
          </p:nvPr>
        </p:nvSpPr>
        <p:spPr/>
        <p:txBody>
          <a:bodyPr/>
          <a:lstStyle>
            <a:lvl1pPr>
              <a:defRPr>
                <a:solidFill>
                  <a:schemeClr val="accent1"/>
                </a:solidFill>
              </a:defRPr>
            </a:lvl1pPr>
          </a:lstStyle>
          <a:p>
            <a:endParaRPr lang="en-US"/>
          </a:p>
        </p:txBody>
      </p:sp>
      <p:sp>
        <p:nvSpPr>
          <p:cNvPr id="6" name="Slide Number Placeholder 5">
            <a:extLst>
              <a:ext uri="{FF2B5EF4-FFF2-40B4-BE49-F238E27FC236}">
                <a16:creationId xmlns:a16="http://schemas.microsoft.com/office/drawing/2014/main" id="{8AE3A021-2616-4326-A4F5-4398F8F6104D}"/>
              </a:ext>
            </a:extLst>
          </p:cNvPr>
          <p:cNvSpPr>
            <a:spLocks noGrp="1"/>
          </p:cNvSpPr>
          <p:nvPr>
            <p:ph type="sldNum" sz="quarter" idx="12"/>
          </p:nvPr>
        </p:nvSpPr>
        <p:spPr/>
        <p:txBody>
          <a:bodyPr/>
          <a:lstStyle>
            <a:lvl1pPr>
              <a:defRPr>
                <a:solidFill>
                  <a:schemeClr val="accent1"/>
                </a:solidFill>
              </a:defRPr>
            </a:lvl1pPr>
          </a:lstStyle>
          <a:p>
            <a:fld id="{1A9E565A-6679-4A67-8FB7-14EA342FD6E1}" type="slidenum">
              <a:rPr lang="en-US" smtClean="0"/>
              <a:pPr/>
              <a:t>‹#›</a:t>
            </a:fld>
            <a:endParaRPr lang="en-US"/>
          </a:p>
        </p:txBody>
      </p:sp>
      <p:sp>
        <p:nvSpPr>
          <p:cNvPr id="7" name="Title 1">
            <a:extLst>
              <a:ext uri="{FF2B5EF4-FFF2-40B4-BE49-F238E27FC236}">
                <a16:creationId xmlns:a16="http://schemas.microsoft.com/office/drawing/2014/main" id="{587FC103-9DE1-4F89-B054-F6510798AE30}"/>
              </a:ext>
            </a:extLst>
          </p:cNvPr>
          <p:cNvSpPr>
            <a:spLocks noGrp="1"/>
          </p:cNvSpPr>
          <p:nvPr>
            <p:ph type="title" hasCustomPrompt="1"/>
          </p:nvPr>
        </p:nvSpPr>
        <p:spPr>
          <a:xfrm>
            <a:off x="381000" y="381000"/>
            <a:ext cx="4736592" cy="3048000"/>
          </a:xfrm>
        </p:spPr>
        <p:txBody>
          <a:bodyPr anchor="t" anchorCtr="0"/>
          <a:lstStyle>
            <a:lvl1pPr>
              <a:defRPr sz="5400">
                <a:solidFill>
                  <a:schemeClr val="accent1"/>
                </a:solidFill>
              </a:defRPr>
            </a:lvl1pPr>
          </a:lstStyle>
          <a:p>
            <a:r>
              <a:rPr lang="en-US" dirty="0"/>
              <a:t>Click to edit thank you style</a:t>
            </a:r>
          </a:p>
        </p:txBody>
      </p:sp>
      <p:sp>
        <p:nvSpPr>
          <p:cNvPr id="8" name="Content Placeholder 2">
            <a:extLst>
              <a:ext uri="{FF2B5EF4-FFF2-40B4-BE49-F238E27FC236}">
                <a16:creationId xmlns:a16="http://schemas.microsoft.com/office/drawing/2014/main" id="{1455B940-1A19-45DC-8F22-530EFA8E4ADA}"/>
              </a:ext>
            </a:extLst>
          </p:cNvPr>
          <p:cNvSpPr>
            <a:spLocks noGrp="1"/>
          </p:cNvSpPr>
          <p:nvPr>
            <p:ph sz="half" idx="1" hasCustomPrompt="1"/>
          </p:nvPr>
        </p:nvSpPr>
        <p:spPr>
          <a:xfrm>
            <a:off x="381000" y="3429000"/>
            <a:ext cx="4736592" cy="2438536"/>
          </a:xfrm>
        </p:spPr>
        <p:txBody>
          <a:bodyPr/>
          <a:lstStyle>
            <a:lvl1pPr>
              <a:defRPr/>
            </a:lvl1pPr>
          </a:lstStyle>
          <a:p>
            <a:pPr lvl="0"/>
            <a:r>
              <a:rPr lang="en-US" dirty="0"/>
              <a:t>Edit contact or sign off information</a:t>
            </a:r>
          </a:p>
        </p:txBody>
      </p:sp>
      <p:sp>
        <p:nvSpPr>
          <p:cNvPr id="9" name="Freeform 5">
            <a:extLst>
              <a:ext uri="{FF2B5EF4-FFF2-40B4-BE49-F238E27FC236}">
                <a16:creationId xmlns:a16="http://schemas.microsoft.com/office/drawing/2014/main" id="{0F5EA913-91DE-4286-B6E6-13E414E82212}"/>
              </a:ext>
            </a:extLst>
          </p:cNvPr>
          <p:cNvSpPr>
            <a:spLocks noChangeAspect="1" noEditPoints="1"/>
          </p:cNvSpPr>
          <p:nvPr userDrawn="1"/>
        </p:nvSpPr>
        <p:spPr bwMode="auto">
          <a:xfrm>
            <a:off x="10910325" y="5917889"/>
            <a:ext cx="900000" cy="563616"/>
          </a:xfrm>
          <a:custGeom>
            <a:avLst/>
            <a:gdLst>
              <a:gd name="T0" fmla="*/ 971 w 1920"/>
              <a:gd name="T1" fmla="*/ 446 h 1200"/>
              <a:gd name="T2" fmla="*/ 860 w 1920"/>
              <a:gd name="T3" fmla="*/ 461 h 1200"/>
              <a:gd name="T4" fmla="*/ 971 w 1920"/>
              <a:gd name="T5" fmla="*/ 12 h 1200"/>
              <a:gd name="T6" fmla="*/ 971 w 1920"/>
              <a:gd name="T7" fmla="*/ 12 h 1200"/>
              <a:gd name="T8" fmla="*/ 950 w 1920"/>
              <a:gd name="T9" fmla="*/ 137 h 1200"/>
              <a:gd name="T10" fmla="*/ 971 w 1920"/>
              <a:gd name="T11" fmla="*/ 301 h 1200"/>
              <a:gd name="T12" fmla="*/ 971 w 1920"/>
              <a:gd name="T13" fmla="*/ 424 h 1200"/>
              <a:gd name="T14" fmla="*/ 1092 w 1920"/>
              <a:gd name="T15" fmla="*/ 451 h 1200"/>
              <a:gd name="T16" fmla="*/ 1154 w 1920"/>
              <a:gd name="T17" fmla="*/ 514 h 1200"/>
              <a:gd name="T18" fmla="*/ 1154 w 1920"/>
              <a:gd name="T19" fmla="*/ 514 h 1200"/>
              <a:gd name="T20" fmla="*/ 816 w 1920"/>
              <a:gd name="T21" fmla="*/ 301 h 1200"/>
              <a:gd name="T22" fmla="*/ 660 w 1920"/>
              <a:gd name="T23" fmla="*/ 301 h 1200"/>
              <a:gd name="T24" fmla="*/ 749 w 1920"/>
              <a:gd name="T25" fmla="*/ 500 h 1200"/>
              <a:gd name="T26" fmla="*/ 839 w 1920"/>
              <a:gd name="T27" fmla="*/ 470 h 1200"/>
              <a:gd name="T28" fmla="*/ 971 w 1920"/>
              <a:gd name="T29" fmla="*/ 158 h 1200"/>
              <a:gd name="T30" fmla="*/ 1071 w 1920"/>
              <a:gd name="T31" fmla="*/ 139 h 1200"/>
              <a:gd name="T32" fmla="*/ 1127 w 1920"/>
              <a:gd name="T33" fmla="*/ 280 h 1200"/>
              <a:gd name="T34" fmla="*/ 1260 w 1920"/>
              <a:gd name="T35" fmla="*/ 280 h 1200"/>
              <a:gd name="T36" fmla="*/ 990 w 1920"/>
              <a:gd name="T37" fmla="*/ 0 h 1200"/>
              <a:gd name="T38" fmla="*/ 950 w 1920"/>
              <a:gd name="T39" fmla="*/ 280 h 1200"/>
              <a:gd name="T40" fmla="*/ 950 w 1920"/>
              <a:gd name="T41" fmla="*/ 158 h 1200"/>
              <a:gd name="T42" fmla="*/ 829 w 1920"/>
              <a:gd name="T43" fmla="*/ 131 h 1200"/>
              <a:gd name="T44" fmla="*/ 765 w 1920"/>
              <a:gd name="T45" fmla="*/ 67 h 1200"/>
              <a:gd name="T46" fmla="*/ 765 w 1920"/>
              <a:gd name="T47" fmla="*/ 67 h 1200"/>
              <a:gd name="T48" fmla="*/ 849 w 1920"/>
              <a:gd name="T49" fmla="*/ 646 h 1200"/>
              <a:gd name="T50" fmla="*/ 282 w 1920"/>
              <a:gd name="T51" fmla="*/ 671 h 1200"/>
              <a:gd name="T52" fmla="*/ 289 w 1920"/>
              <a:gd name="T53" fmla="*/ 650 h 1200"/>
              <a:gd name="T54" fmla="*/ 565 w 1920"/>
              <a:gd name="T55" fmla="*/ 556 h 1200"/>
              <a:gd name="T56" fmla="*/ 515 w 1920"/>
              <a:gd name="T57" fmla="*/ 483 h 1200"/>
              <a:gd name="T58" fmla="*/ 0 w 1920"/>
              <a:gd name="T59" fmla="*/ 388 h 1200"/>
              <a:gd name="T60" fmla="*/ 1071 w 1920"/>
              <a:gd name="T61" fmla="*/ 646 h 1200"/>
              <a:gd name="T62" fmla="*/ 1638 w 1920"/>
              <a:gd name="T63" fmla="*/ 671 h 1200"/>
              <a:gd name="T64" fmla="*/ 1631 w 1920"/>
              <a:gd name="T65" fmla="*/ 650 h 1200"/>
              <a:gd name="T66" fmla="*/ 1355 w 1920"/>
              <a:gd name="T67" fmla="*/ 556 h 1200"/>
              <a:gd name="T68" fmla="*/ 1405 w 1920"/>
              <a:gd name="T69" fmla="*/ 483 h 1200"/>
              <a:gd name="T70" fmla="*/ 1920 w 1920"/>
              <a:gd name="T71" fmla="*/ 388 h 1200"/>
              <a:gd name="T72" fmla="*/ 1563 w 1920"/>
              <a:gd name="T73" fmla="*/ 819 h 1200"/>
              <a:gd name="T74" fmla="*/ 1518 w 1920"/>
              <a:gd name="T75" fmla="*/ 1155 h 1200"/>
              <a:gd name="T76" fmla="*/ 1245 w 1920"/>
              <a:gd name="T77" fmla="*/ 1200 h 1200"/>
              <a:gd name="T78" fmla="*/ 1483 w 1920"/>
              <a:gd name="T79" fmla="*/ 936 h 1200"/>
              <a:gd name="T80" fmla="*/ 1038 w 1920"/>
              <a:gd name="T81" fmla="*/ 914 h 1200"/>
              <a:gd name="T82" fmla="*/ 1289 w 1920"/>
              <a:gd name="T83" fmla="*/ 817 h 1200"/>
              <a:gd name="T84" fmla="*/ 1120 w 1920"/>
              <a:gd name="T85" fmla="*/ 1200 h 1200"/>
              <a:gd name="T86" fmla="*/ 672 w 1920"/>
              <a:gd name="T87" fmla="*/ 819 h 1200"/>
              <a:gd name="T88" fmla="*/ 759 w 1920"/>
              <a:gd name="T89" fmla="*/ 1200 h 1200"/>
              <a:gd name="T90" fmla="*/ 606 w 1920"/>
              <a:gd name="T91" fmla="*/ 1200 h 1200"/>
              <a:gd name="T92" fmla="*/ 739 w 1920"/>
              <a:gd name="T93" fmla="*/ 1075 h 1200"/>
              <a:gd name="T94" fmla="*/ 273 w 1920"/>
              <a:gd name="T95" fmla="*/ 1200 h 1200"/>
              <a:gd name="T96" fmla="*/ 401 w 1920"/>
              <a:gd name="T97" fmla="*/ 1200 h 1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920" h="1200">
                <a:moveTo>
                  <a:pt x="971" y="571"/>
                </a:moveTo>
                <a:cubicBezTo>
                  <a:pt x="1007" y="542"/>
                  <a:pt x="1039" y="503"/>
                  <a:pt x="1060" y="461"/>
                </a:cubicBezTo>
                <a:cubicBezTo>
                  <a:pt x="1032" y="452"/>
                  <a:pt x="1001" y="446"/>
                  <a:pt x="971" y="446"/>
                </a:cubicBezTo>
                <a:lnTo>
                  <a:pt x="971" y="571"/>
                </a:lnTo>
                <a:close/>
                <a:moveTo>
                  <a:pt x="950" y="569"/>
                </a:moveTo>
                <a:cubicBezTo>
                  <a:pt x="913" y="542"/>
                  <a:pt x="881" y="503"/>
                  <a:pt x="860" y="461"/>
                </a:cubicBezTo>
                <a:cubicBezTo>
                  <a:pt x="888" y="451"/>
                  <a:pt x="919" y="446"/>
                  <a:pt x="950" y="446"/>
                </a:cubicBezTo>
                <a:lnTo>
                  <a:pt x="950" y="569"/>
                </a:lnTo>
                <a:close/>
                <a:moveTo>
                  <a:pt x="971" y="12"/>
                </a:moveTo>
                <a:cubicBezTo>
                  <a:pt x="1007" y="41"/>
                  <a:pt x="1039" y="79"/>
                  <a:pt x="1060" y="120"/>
                </a:cubicBezTo>
                <a:cubicBezTo>
                  <a:pt x="1032" y="130"/>
                  <a:pt x="1001" y="137"/>
                  <a:pt x="971" y="137"/>
                </a:cubicBezTo>
                <a:lnTo>
                  <a:pt x="971" y="12"/>
                </a:lnTo>
                <a:close/>
                <a:moveTo>
                  <a:pt x="950" y="12"/>
                </a:moveTo>
                <a:cubicBezTo>
                  <a:pt x="913" y="41"/>
                  <a:pt x="881" y="80"/>
                  <a:pt x="860" y="120"/>
                </a:cubicBezTo>
                <a:cubicBezTo>
                  <a:pt x="888" y="129"/>
                  <a:pt x="919" y="137"/>
                  <a:pt x="950" y="137"/>
                </a:cubicBezTo>
                <a:lnTo>
                  <a:pt x="950" y="12"/>
                </a:lnTo>
                <a:close/>
                <a:moveTo>
                  <a:pt x="971" y="424"/>
                </a:moveTo>
                <a:cubicBezTo>
                  <a:pt x="971" y="301"/>
                  <a:pt x="971" y="301"/>
                  <a:pt x="971" y="301"/>
                </a:cubicBezTo>
                <a:cubicBezTo>
                  <a:pt x="1104" y="301"/>
                  <a:pt x="1104" y="301"/>
                  <a:pt x="1104" y="301"/>
                </a:cubicBezTo>
                <a:cubicBezTo>
                  <a:pt x="1104" y="350"/>
                  <a:pt x="1092" y="398"/>
                  <a:pt x="1071" y="443"/>
                </a:cubicBezTo>
                <a:cubicBezTo>
                  <a:pt x="1040" y="432"/>
                  <a:pt x="1004" y="424"/>
                  <a:pt x="971" y="424"/>
                </a:cubicBezTo>
                <a:moveTo>
                  <a:pt x="1260" y="301"/>
                </a:moveTo>
                <a:cubicBezTo>
                  <a:pt x="1127" y="301"/>
                  <a:pt x="1127" y="301"/>
                  <a:pt x="1127" y="301"/>
                </a:cubicBezTo>
                <a:cubicBezTo>
                  <a:pt x="1125" y="355"/>
                  <a:pt x="1114" y="403"/>
                  <a:pt x="1092" y="451"/>
                </a:cubicBezTo>
                <a:cubicBezTo>
                  <a:pt x="1120" y="464"/>
                  <a:pt x="1146" y="480"/>
                  <a:pt x="1171" y="500"/>
                </a:cubicBezTo>
                <a:cubicBezTo>
                  <a:pt x="1225" y="447"/>
                  <a:pt x="1257" y="375"/>
                  <a:pt x="1260" y="301"/>
                </a:cubicBezTo>
                <a:moveTo>
                  <a:pt x="1154" y="514"/>
                </a:moveTo>
                <a:cubicBezTo>
                  <a:pt x="1133" y="496"/>
                  <a:pt x="1107" y="480"/>
                  <a:pt x="1081" y="470"/>
                </a:cubicBezTo>
                <a:cubicBezTo>
                  <a:pt x="1057" y="513"/>
                  <a:pt x="1028" y="549"/>
                  <a:pt x="990" y="582"/>
                </a:cubicBezTo>
                <a:cubicBezTo>
                  <a:pt x="1051" y="574"/>
                  <a:pt x="1107" y="552"/>
                  <a:pt x="1154" y="514"/>
                </a:cubicBezTo>
                <a:moveTo>
                  <a:pt x="950" y="424"/>
                </a:moveTo>
                <a:cubicBezTo>
                  <a:pt x="950" y="301"/>
                  <a:pt x="950" y="301"/>
                  <a:pt x="950" y="301"/>
                </a:cubicBezTo>
                <a:cubicBezTo>
                  <a:pt x="816" y="301"/>
                  <a:pt x="816" y="301"/>
                  <a:pt x="816" y="301"/>
                </a:cubicBezTo>
                <a:cubicBezTo>
                  <a:pt x="817" y="350"/>
                  <a:pt x="828" y="399"/>
                  <a:pt x="849" y="443"/>
                </a:cubicBezTo>
                <a:cubicBezTo>
                  <a:pt x="881" y="432"/>
                  <a:pt x="915" y="424"/>
                  <a:pt x="950" y="424"/>
                </a:cubicBezTo>
                <a:moveTo>
                  <a:pt x="660" y="301"/>
                </a:moveTo>
                <a:cubicBezTo>
                  <a:pt x="793" y="301"/>
                  <a:pt x="793" y="301"/>
                  <a:pt x="793" y="301"/>
                </a:cubicBezTo>
                <a:cubicBezTo>
                  <a:pt x="796" y="355"/>
                  <a:pt x="808" y="402"/>
                  <a:pt x="829" y="451"/>
                </a:cubicBezTo>
                <a:cubicBezTo>
                  <a:pt x="800" y="464"/>
                  <a:pt x="774" y="480"/>
                  <a:pt x="749" y="500"/>
                </a:cubicBezTo>
                <a:cubicBezTo>
                  <a:pt x="695" y="447"/>
                  <a:pt x="664" y="377"/>
                  <a:pt x="660" y="301"/>
                </a:cubicBezTo>
                <a:moveTo>
                  <a:pt x="765" y="514"/>
                </a:moveTo>
                <a:cubicBezTo>
                  <a:pt x="788" y="497"/>
                  <a:pt x="813" y="479"/>
                  <a:pt x="839" y="470"/>
                </a:cubicBezTo>
                <a:cubicBezTo>
                  <a:pt x="863" y="513"/>
                  <a:pt x="892" y="549"/>
                  <a:pt x="930" y="582"/>
                </a:cubicBezTo>
                <a:cubicBezTo>
                  <a:pt x="869" y="574"/>
                  <a:pt x="812" y="552"/>
                  <a:pt x="765" y="514"/>
                </a:cubicBezTo>
                <a:moveTo>
                  <a:pt x="971" y="158"/>
                </a:moveTo>
                <a:cubicBezTo>
                  <a:pt x="971" y="280"/>
                  <a:pt x="971" y="280"/>
                  <a:pt x="971" y="280"/>
                </a:cubicBezTo>
                <a:cubicBezTo>
                  <a:pt x="1104" y="280"/>
                  <a:pt x="1104" y="280"/>
                  <a:pt x="1104" y="280"/>
                </a:cubicBezTo>
                <a:cubicBezTo>
                  <a:pt x="1104" y="231"/>
                  <a:pt x="1092" y="184"/>
                  <a:pt x="1071" y="139"/>
                </a:cubicBezTo>
                <a:cubicBezTo>
                  <a:pt x="1039" y="150"/>
                  <a:pt x="1005" y="157"/>
                  <a:pt x="971" y="158"/>
                </a:cubicBezTo>
                <a:moveTo>
                  <a:pt x="1260" y="280"/>
                </a:moveTo>
                <a:cubicBezTo>
                  <a:pt x="1127" y="280"/>
                  <a:pt x="1127" y="280"/>
                  <a:pt x="1127" y="280"/>
                </a:cubicBezTo>
                <a:cubicBezTo>
                  <a:pt x="1125" y="227"/>
                  <a:pt x="1113" y="178"/>
                  <a:pt x="1092" y="131"/>
                </a:cubicBezTo>
                <a:cubicBezTo>
                  <a:pt x="1120" y="118"/>
                  <a:pt x="1147" y="102"/>
                  <a:pt x="1171" y="82"/>
                </a:cubicBezTo>
                <a:cubicBezTo>
                  <a:pt x="1228" y="138"/>
                  <a:pt x="1257" y="207"/>
                  <a:pt x="1260" y="280"/>
                </a:cubicBezTo>
                <a:moveTo>
                  <a:pt x="1154" y="67"/>
                </a:moveTo>
                <a:cubicBezTo>
                  <a:pt x="1133" y="86"/>
                  <a:pt x="1107" y="103"/>
                  <a:pt x="1081" y="113"/>
                </a:cubicBezTo>
                <a:cubicBezTo>
                  <a:pt x="1057" y="68"/>
                  <a:pt x="1028" y="33"/>
                  <a:pt x="990" y="0"/>
                </a:cubicBezTo>
                <a:cubicBezTo>
                  <a:pt x="1051" y="7"/>
                  <a:pt x="1107" y="30"/>
                  <a:pt x="1154" y="67"/>
                </a:cubicBezTo>
                <a:moveTo>
                  <a:pt x="950" y="158"/>
                </a:moveTo>
                <a:cubicBezTo>
                  <a:pt x="950" y="280"/>
                  <a:pt x="950" y="280"/>
                  <a:pt x="950" y="280"/>
                </a:cubicBezTo>
                <a:cubicBezTo>
                  <a:pt x="816" y="280"/>
                  <a:pt x="816" y="280"/>
                  <a:pt x="816" y="280"/>
                </a:cubicBezTo>
                <a:cubicBezTo>
                  <a:pt x="817" y="232"/>
                  <a:pt x="828" y="183"/>
                  <a:pt x="849" y="139"/>
                </a:cubicBezTo>
                <a:cubicBezTo>
                  <a:pt x="881" y="150"/>
                  <a:pt x="915" y="157"/>
                  <a:pt x="950" y="158"/>
                </a:cubicBezTo>
                <a:moveTo>
                  <a:pt x="660" y="280"/>
                </a:moveTo>
                <a:cubicBezTo>
                  <a:pt x="793" y="280"/>
                  <a:pt x="793" y="280"/>
                  <a:pt x="793" y="280"/>
                </a:cubicBezTo>
                <a:cubicBezTo>
                  <a:pt x="796" y="227"/>
                  <a:pt x="808" y="179"/>
                  <a:pt x="829" y="131"/>
                </a:cubicBezTo>
                <a:cubicBezTo>
                  <a:pt x="800" y="118"/>
                  <a:pt x="774" y="103"/>
                  <a:pt x="749" y="82"/>
                </a:cubicBezTo>
                <a:cubicBezTo>
                  <a:pt x="694" y="136"/>
                  <a:pt x="664" y="205"/>
                  <a:pt x="660" y="280"/>
                </a:cubicBezTo>
                <a:moveTo>
                  <a:pt x="765" y="67"/>
                </a:moveTo>
                <a:cubicBezTo>
                  <a:pt x="788" y="86"/>
                  <a:pt x="812" y="103"/>
                  <a:pt x="839" y="113"/>
                </a:cubicBezTo>
                <a:cubicBezTo>
                  <a:pt x="862" y="69"/>
                  <a:pt x="893" y="32"/>
                  <a:pt x="930" y="0"/>
                </a:cubicBezTo>
                <a:cubicBezTo>
                  <a:pt x="869" y="7"/>
                  <a:pt x="813" y="30"/>
                  <a:pt x="765" y="67"/>
                </a:cubicBezTo>
                <a:moveTo>
                  <a:pt x="0" y="388"/>
                </a:moveTo>
                <a:cubicBezTo>
                  <a:pt x="600" y="388"/>
                  <a:pt x="600" y="388"/>
                  <a:pt x="600" y="388"/>
                </a:cubicBezTo>
                <a:cubicBezTo>
                  <a:pt x="622" y="495"/>
                  <a:pt x="698" y="584"/>
                  <a:pt x="849" y="646"/>
                </a:cubicBezTo>
                <a:cubicBezTo>
                  <a:pt x="832" y="697"/>
                  <a:pt x="773" y="744"/>
                  <a:pt x="712" y="744"/>
                </a:cubicBezTo>
                <a:cubicBezTo>
                  <a:pt x="387" y="744"/>
                  <a:pt x="387" y="744"/>
                  <a:pt x="387" y="744"/>
                </a:cubicBezTo>
                <a:cubicBezTo>
                  <a:pt x="337" y="744"/>
                  <a:pt x="298" y="703"/>
                  <a:pt x="282" y="671"/>
                </a:cubicBezTo>
                <a:cubicBezTo>
                  <a:pt x="613" y="671"/>
                  <a:pt x="613" y="671"/>
                  <a:pt x="613" y="671"/>
                </a:cubicBezTo>
                <a:cubicBezTo>
                  <a:pt x="633" y="668"/>
                  <a:pt x="634" y="652"/>
                  <a:pt x="614" y="650"/>
                </a:cubicBezTo>
                <a:cubicBezTo>
                  <a:pt x="289" y="650"/>
                  <a:pt x="289" y="650"/>
                  <a:pt x="289" y="650"/>
                </a:cubicBezTo>
                <a:cubicBezTo>
                  <a:pt x="247" y="650"/>
                  <a:pt x="209" y="615"/>
                  <a:pt x="187" y="577"/>
                </a:cubicBezTo>
                <a:cubicBezTo>
                  <a:pt x="565" y="577"/>
                  <a:pt x="565" y="577"/>
                  <a:pt x="565" y="577"/>
                </a:cubicBezTo>
                <a:cubicBezTo>
                  <a:pt x="584" y="574"/>
                  <a:pt x="584" y="558"/>
                  <a:pt x="565" y="556"/>
                </a:cubicBezTo>
                <a:cubicBezTo>
                  <a:pt x="184" y="556"/>
                  <a:pt x="184" y="556"/>
                  <a:pt x="184" y="556"/>
                </a:cubicBezTo>
                <a:cubicBezTo>
                  <a:pt x="146" y="556"/>
                  <a:pt x="111" y="512"/>
                  <a:pt x="96" y="483"/>
                </a:cubicBezTo>
                <a:cubicBezTo>
                  <a:pt x="515" y="483"/>
                  <a:pt x="515" y="483"/>
                  <a:pt x="515" y="483"/>
                </a:cubicBezTo>
                <a:cubicBezTo>
                  <a:pt x="536" y="480"/>
                  <a:pt x="536" y="461"/>
                  <a:pt x="515" y="460"/>
                </a:cubicBezTo>
                <a:cubicBezTo>
                  <a:pt x="89" y="460"/>
                  <a:pt x="89" y="460"/>
                  <a:pt x="89" y="460"/>
                </a:cubicBezTo>
                <a:cubicBezTo>
                  <a:pt x="55" y="460"/>
                  <a:pt x="23" y="425"/>
                  <a:pt x="0" y="388"/>
                </a:cubicBezTo>
                <a:moveTo>
                  <a:pt x="1920" y="388"/>
                </a:moveTo>
                <a:cubicBezTo>
                  <a:pt x="1320" y="388"/>
                  <a:pt x="1320" y="388"/>
                  <a:pt x="1320" y="388"/>
                </a:cubicBezTo>
                <a:cubicBezTo>
                  <a:pt x="1298" y="495"/>
                  <a:pt x="1222" y="584"/>
                  <a:pt x="1071" y="646"/>
                </a:cubicBezTo>
                <a:cubicBezTo>
                  <a:pt x="1088" y="697"/>
                  <a:pt x="1147" y="744"/>
                  <a:pt x="1208" y="744"/>
                </a:cubicBezTo>
                <a:cubicBezTo>
                  <a:pt x="1533" y="744"/>
                  <a:pt x="1533" y="744"/>
                  <a:pt x="1533" y="744"/>
                </a:cubicBezTo>
                <a:cubicBezTo>
                  <a:pt x="1583" y="744"/>
                  <a:pt x="1622" y="703"/>
                  <a:pt x="1638" y="671"/>
                </a:cubicBezTo>
                <a:cubicBezTo>
                  <a:pt x="1307" y="671"/>
                  <a:pt x="1307" y="671"/>
                  <a:pt x="1307" y="671"/>
                </a:cubicBezTo>
                <a:cubicBezTo>
                  <a:pt x="1287" y="668"/>
                  <a:pt x="1286" y="652"/>
                  <a:pt x="1306" y="650"/>
                </a:cubicBezTo>
                <a:cubicBezTo>
                  <a:pt x="1631" y="650"/>
                  <a:pt x="1631" y="650"/>
                  <a:pt x="1631" y="650"/>
                </a:cubicBezTo>
                <a:cubicBezTo>
                  <a:pt x="1673" y="650"/>
                  <a:pt x="1711" y="615"/>
                  <a:pt x="1733" y="577"/>
                </a:cubicBezTo>
                <a:cubicBezTo>
                  <a:pt x="1355" y="577"/>
                  <a:pt x="1355" y="577"/>
                  <a:pt x="1355" y="577"/>
                </a:cubicBezTo>
                <a:cubicBezTo>
                  <a:pt x="1336" y="574"/>
                  <a:pt x="1336" y="558"/>
                  <a:pt x="1355" y="556"/>
                </a:cubicBezTo>
                <a:cubicBezTo>
                  <a:pt x="1736" y="556"/>
                  <a:pt x="1736" y="556"/>
                  <a:pt x="1736" y="556"/>
                </a:cubicBezTo>
                <a:cubicBezTo>
                  <a:pt x="1774" y="556"/>
                  <a:pt x="1809" y="512"/>
                  <a:pt x="1824" y="483"/>
                </a:cubicBezTo>
                <a:cubicBezTo>
                  <a:pt x="1405" y="483"/>
                  <a:pt x="1405" y="483"/>
                  <a:pt x="1405" y="483"/>
                </a:cubicBezTo>
                <a:cubicBezTo>
                  <a:pt x="1384" y="480"/>
                  <a:pt x="1384" y="461"/>
                  <a:pt x="1405" y="460"/>
                </a:cubicBezTo>
                <a:cubicBezTo>
                  <a:pt x="1831" y="460"/>
                  <a:pt x="1831" y="460"/>
                  <a:pt x="1831" y="460"/>
                </a:cubicBezTo>
                <a:cubicBezTo>
                  <a:pt x="1865" y="460"/>
                  <a:pt x="1897" y="425"/>
                  <a:pt x="1920" y="388"/>
                </a:cubicBezTo>
                <a:moveTo>
                  <a:pt x="1245" y="1200"/>
                </a:moveTo>
                <a:cubicBezTo>
                  <a:pt x="1437" y="819"/>
                  <a:pt x="1437" y="819"/>
                  <a:pt x="1437" y="819"/>
                </a:cubicBezTo>
                <a:cubicBezTo>
                  <a:pt x="1563" y="819"/>
                  <a:pt x="1563" y="819"/>
                  <a:pt x="1563" y="819"/>
                </a:cubicBezTo>
                <a:cubicBezTo>
                  <a:pt x="1643" y="1200"/>
                  <a:pt x="1643" y="1200"/>
                  <a:pt x="1643" y="1200"/>
                </a:cubicBezTo>
                <a:cubicBezTo>
                  <a:pt x="1523" y="1200"/>
                  <a:pt x="1523" y="1200"/>
                  <a:pt x="1523" y="1200"/>
                </a:cubicBezTo>
                <a:cubicBezTo>
                  <a:pt x="1518" y="1155"/>
                  <a:pt x="1518" y="1155"/>
                  <a:pt x="1518" y="1155"/>
                </a:cubicBezTo>
                <a:cubicBezTo>
                  <a:pt x="1392" y="1155"/>
                  <a:pt x="1392" y="1155"/>
                  <a:pt x="1392" y="1155"/>
                </a:cubicBezTo>
                <a:cubicBezTo>
                  <a:pt x="1371" y="1200"/>
                  <a:pt x="1371" y="1200"/>
                  <a:pt x="1371" y="1200"/>
                </a:cubicBezTo>
                <a:lnTo>
                  <a:pt x="1245" y="1200"/>
                </a:lnTo>
                <a:close/>
                <a:moveTo>
                  <a:pt x="1423" y="1075"/>
                </a:moveTo>
                <a:cubicBezTo>
                  <a:pt x="1504" y="1075"/>
                  <a:pt x="1504" y="1075"/>
                  <a:pt x="1504" y="1075"/>
                </a:cubicBezTo>
                <a:cubicBezTo>
                  <a:pt x="1483" y="936"/>
                  <a:pt x="1483" y="936"/>
                  <a:pt x="1483" y="936"/>
                </a:cubicBezTo>
                <a:lnTo>
                  <a:pt x="1423" y="1075"/>
                </a:lnTo>
                <a:close/>
                <a:moveTo>
                  <a:pt x="994" y="1200"/>
                </a:moveTo>
                <a:cubicBezTo>
                  <a:pt x="1038" y="914"/>
                  <a:pt x="1038" y="914"/>
                  <a:pt x="1038" y="914"/>
                </a:cubicBezTo>
                <a:cubicBezTo>
                  <a:pt x="927" y="914"/>
                  <a:pt x="927" y="914"/>
                  <a:pt x="927" y="914"/>
                </a:cubicBezTo>
                <a:cubicBezTo>
                  <a:pt x="946" y="817"/>
                  <a:pt x="946" y="817"/>
                  <a:pt x="946" y="817"/>
                </a:cubicBezTo>
                <a:cubicBezTo>
                  <a:pt x="1289" y="817"/>
                  <a:pt x="1289" y="817"/>
                  <a:pt x="1289" y="817"/>
                </a:cubicBezTo>
                <a:cubicBezTo>
                  <a:pt x="1269" y="914"/>
                  <a:pt x="1269" y="914"/>
                  <a:pt x="1269" y="914"/>
                </a:cubicBezTo>
                <a:cubicBezTo>
                  <a:pt x="1163" y="914"/>
                  <a:pt x="1163" y="914"/>
                  <a:pt x="1163" y="914"/>
                </a:cubicBezTo>
                <a:cubicBezTo>
                  <a:pt x="1120" y="1200"/>
                  <a:pt x="1120" y="1200"/>
                  <a:pt x="1120" y="1200"/>
                </a:cubicBezTo>
                <a:lnTo>
                  <a:pt x="994" y="1200"/>
                </a:lnTo>
                <a:close/>
                <a:moveTo>
                  <a:pt x="479" y="1200"/>
                </a:moveTo>
                <a:cubicBezTo>
                  <a:pt x="672" y="819"/>
                  <a:pt x="672" y="819"/>
                  <a:pt x="672" y="819"/>
                </a:cubicBezTo>
                <a:cubicBezTo>
                  <a:pt x="798" y="819"/>
                  <a:pt x="798" y="819"/>
                  <a:pt x="798" y="819"/>
                </a:cubicBezTo>
                <a:cubicBezTo>
                  <a:pt x="877" y="1200"/>
                  <a:pt x="877" y="1200"/>
                  <a:pt x="877" y="1200"/>
                </a:cubicBezTo>
                <a:cubicBezTo>
                  <a:pt x="759" y="1200"/>
                  <a:pt x="759" y="1200"/>
                  <a:pt x="759" y="1200"/>
                </a:cubicBezTo>
                <a:cubicBezTo>
                  <a:pt x="752" y="1155"/>
                  <a:pt x="752" y="1155"/>
                  <a:pt x="752" y="1155"/>
                </a:cubicBezTo>
                <a:cubicBezTo>
                  <a:pt x="626" y="1155"/>
                  <a:pt x="626" y="1155"/>
                  <a:pt x="626" y="1155"/>
                </a:cubicBezTo>
                <a:cubicBezTo>
                  <a:pt x="606" y="1200"/>
                  <a:pt x="606" y="1200"/>
                  <a:pt x="606" y="1200"/>
                </a:cubicBezTo>
                <a:lnTo>
                  <a:pt x="479" y="1200"/>
                </a:lnTo>
                <a:close/>
                <a:moveTo>
                  <a:pt x="657" y="1075"/>
                </a:moveTo>
                <a:cubicBezTo>
                  <a:pt x="739" y="1075"/>
                  <a:pt x="739" y="1075"/>
                  <a:pt x="739" y="1075"/>
                </a:cubicBezTo>
                <a:cubicBezTo>
                  <a:pt x="717" y="936"/>
                  <a:pt x="717" y="936"/>
                  <a:pt x="717" y="936"/>
                </a:cubicBezTo>
                <a:lnTo>
                  <a:pt x="657" y="1075"/>
                </a:lnTo>
                <a:close/>
                <a:moveTo>
                  <a:pt x="273" y="1200"/>
                </a:moveTo>
                <a:cubicBezTo>
                  <a:pt x="351" y="819"/>
                  <a:pt x="351" y="819"/>
                  <a:pt x="351" y="819"/>
                </a:cubicBezTo>
                <a:cubicBezTo>
                  <a:pt x="479" y="819"/>
                  <a:pt x="479" y="819"/>
                  <a:pt x="479" y="819"/>
                </a:cubicBezTo>
                <a:cubicBezTo>
                  <a:pt x="401" y="1200"/>
                  <a:pt x="401" y="1200"/>
                  <a:pt x="401" y="1200"/>
                </a:cubicBezTo>
                <a:lnTo>
                  <a:pt x="273" y="1200"/>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a:p>
        </p:txBody>
      </p:sp>
    </p:spTree>
    <p:extLst>
      <p:ext uri="{BB962C8B-B14F-4D97-AF65-F5344CB8AC3E}">
        <p14:creationId xmlns:p14="http://schemas.microsoft.com/office/powerpoint/2010/main" val="1324050994"/>
      </p:ext>
    </p:extLst>
  </p:cSld>
  <p:clrMapOvr>
    <a:masterClrMapping/>
  </p:clrMapOvr>
  <p:transition>
    <p:fade/>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userDrawn="1">
  <p:cSld name="BLUE_TitleSlide">
    <p:bg>
      <p:bgPr>
        <a:solidFill>
          <a:schemeClr val="accent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7E5DEED-A00F-432E-919B-A31AE102E4CC}"/>
              </a:ext>
            </a:extLst>
          </p:cNvPr>
          <p:cNvSpPr>
            <a:spLocks noGrp="1"/>
          </p:cNvSpPr>
          <p:nvPr>
            <p:ph type="ctrTitle"/>
          </p:nvPr>
        </p:nvSpPr>
        <p:spPr>
          <a:xfrm>
            <a:off x="381000" y="1485900"/>
            <a:ext cx="5904000" cy="2387600"/>
          </a:xfrm>
        </p:spPr>
        <p:txBody>
          <a:bodyPr anchor="t" anchorCtr="0"/>
          <a:lstStyle>
            <a:lvl1pPr algn="l">
              <a:lnSpc>
                <a:spcPts val="5800"/>
              </a:lnSpc>
              <a:defRPr sz="5600">
                <a:solidFill>
                  <a:schemeClr val="bg1"/>
                </a:solidFill>
                <a:latin typeface="+mj-lt"/>
              </a:defRPr>
            </a:lvl1pPr>
          </a:lstStyle>
          <a:p>
            <a:r>
              <a:rPr lang="en-US"/>
              <a:t>Click to edit Master title style</a:t>
            </a:r>
            <a:endParaRPr lang="en-US" dirty="0"/>
          </a:p>
        </p:txBody>
      </p:sp>
      <p:sp>
        <p:nvSpPr>
          <p:cNvPr id="3" name="Subtitle 2">
            <a:extLst>
              <a:ext uri="{FF2B5EF4-FFF2-40B4-BE49-F238E27FC236}">
                <a16:creationId xmlns:a16="http://schemas.microsoft.com/office/drawing/2014/main" id="{D232A637-F57B-4008-8DC2-4D2B8ECC1A66}"/>
              </a:ext>
            </a:extLst>
          </p:cNvPr>
          <p:cNvSpPr>
            <a:spLocks noGrp="1"/>
          </p:cNvSpPr>
          <p:nvPr>
            <p:ph type="subTitle" idx="1"/>
          </p:nvPr>
        </p:nvSpPr>
        <p:spPr>
          <a:xfrm>
            <a:off x="381000" y="3965575"/>
            <a:ext cx="5904000" cy="1655762"/>
          </a:xfrm>
        </p:spPr>
        <p:txBody>
          <a:bodyPr anchor="t" anchorCtr="0"/>
          <a:lstStyle>
            <a:lvl1pPr marL="0" indent="0" algn="l">
              <a:lnSpc>
                <a:spcPts val="3400"/>
              </a:lnSpc>
              <a:spcBef>
                <a:spcPts val="0"/>
              </a:spcBef>
              <a:spcAft>
                <a:spcPts val="1400"/>
              </a:spcAft>
              <a:buNone/>
              <a:defRPr sz="32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US" dirty="0"/>
          </a:p>
        </p:txBody>
      </p:sp>
      <p:sp>
        <p:nvSpPr>
          <p:cNvPr id="7" name="Freeform 5">
            <a:extLst>
              <a:ext uri="{FF2B5EF4-FFF2-40B4-BE49-F238E27FC236}">
                <a16:creationId xmlns:a16="http://schemas.microsoft.com/office/drawing/2014/main" id="{7013E3A3-37C5-400E-905D-C7BC5CA55E5C}"/>
              </a:ext>
            </a:extLst>
          </p:cNvPr>
          <p:cNvSpPr>
            <a:spLocks noChangeAspect="1" noEditPoints="1"/>
          </p:cNvSpPr>
          <p:nvPr userDrawn="1"/>
        </p:nvSpPr>
        <p:spPr bwMode="auto">
          <a:xfrm>
            <a:off x="10528388" y="5678705"/>
            <a:ext cx="1281937" cy="802800"/>
          </a:xfrm>
          <a:custGeom>
            <a:avLst/>
            <a:gdLst>
              <a:gd name="T0" fmla="*/ 971 w 1920"/>
              <a:gd name="T1" fmla="*/ 446 h 1200"/>
              <a:gd name="T2" fmla="*/ 860 w 1920"/>
              <a:gd name="T3" fmla="*/ 461 h 1200"/>
              <a:gd name="T4" fmla="*/ 971 w 1920"/>
              <a:gd name="T5" fmla="*/ 12 h 1200"/>
              <a:gd name="T6" fmla="*/ 971 w 1920"/>
              <a:gd name="T7" fmla="*/ 12 h 1200"/>
              <a:gd name="T8" fmla="*/ 950 w 1920"/>
              <a:gd name="T9" fmla="*/ 137 h 1200"/>
              <a:gd name="T10" fmla="*/ 971 w 1920"/>
              <a:gd name="T11" fmla="*/ 301 h 1200"/>
              <a:gd name="T12" fmla="*/ 971 w 1920"/>
              <a:gd name="T13" fmla="*/ 424 h 1200"/>
              <a:gd name="T14" fmla="*/ 1092 w 1920"/>
              <a:gd name="T15" fmla="*/ 451 h 1200"/>
              <a:gd name="T16" fmla="*/ 1154 w 1920"/>
              <a:gd name="T17" fmla="*/ 514 h 1200"/>
              <a:gd name="T18" fmla="*/ 1154 w 1920"/>
              <a:gd name="T19" fmla="*/ 514 h 1200"/>
              <a:gd name="T20" fmla="*/ 816 w 1920"/>
              <a:gd name="T21" fmla="*/ 301 h 1200"/>
              <a:gd name="T22" fmla="*/ 660 w 1920"/>
              <a:gd name="T23" fmla="*/ 301 h 1200"/>
              <a:gd name="T24" fmla="*/ 749 w 1920"/>
              <a:gd name="T25" fmla="*/ 500 h 1200"/>
              <a:gd name="T26" fmla="*/ 839 w 1920"/>
              <a:gd name="T27" fmla="*/ 470 h 1200"/>
              <a:gd name="T28" fmla="*/ 971 w 1920"/>
              <a:gd name="T29" fmla="*/ 158 h 1200"/>
              <a:gd name="T30" fmla="*/ 1071 w 1920"/>
              <a:gd name="T31" fmla="*/ 139 h 1200"/>
              <a:gd name="T32" fmla="*/ 1127 w 1920"/>
              <a:gd name="T33" fmla="*/ 280 h 1200"/>
              <a:gd name="T34" fmla="*/ 1260 w 1920"/>
              <a:gd name="T35" fmla="*/ 280 h 1200"/>
              <a:gd name="T36" fmla="*/ 990 w 1920"/>
              <a:gd name="T37" fmla="*/ 0 h 1200"/>
              <a:gd name="T38" fmla="*/ 950 w 1920"/>
              <a:gd name="T39" fmla="*/ 280 h 1200"/>
              <a:gd name="T40" fmla="*/ 950 w 1920"/>
              <a:gd name="T41" fmla="*/ 158 h 1200"/>
              <a:gd name="T42" fmla="*/ 829 w 1920"/>
              <a:gd name="T43" fmla="*/ 131 h 1200"/>
              <a:gd name="T44" fmla="*/ 765 w 1920"/>
              <a:gd name="T45" fmla="*/ 67 h 1200"/>
              <a:gd name="T46" fmla="*/ 765 w 1920"/>
              <a:gd name="T47" fmla="*/ 67 h 1200"/>
              <a:gd name="T48" fmla="*/ 849 w 1920"/>
              <a:gd name="T49" fmla="*/ 646 h 1200"/>
              <a:gd name="T50" fmla="*/ 282 w 1920"/>
              <a:gd name="T51" fmla="*/ 671 h 1200"/>
              <a:gd name="T52" fmla="*/ 289 w 1920"/>
              <a:gd name="T53" fmla="*/ 650 h 1200"/>
              <a:gd name="T54" fmla="*/ 565 w 1920"/>
              <a:gd name="T55" fmla="*/ 556 h 1200"/>
              <a:gd name="T56" fmla="*/ 515 w 1920"/>
              <a:gd name="T57" fmla="*/ 483 h 1200"/>
              <a:gd name="T58" fmla="*/ 0 w 1920"/>
              <a:gd name="T59" fmla="*/ 388 h 1200"/>
              <a:gd name="T60" fmla="*/ 1071 w 1920"/>
              <a:gd name="T61" fmla="*/ 646 h 1200"/>
              <a:gd name="T62" fmla="*/ 1638 w 1920"/>
              <a:gd name="T63" fmla="*/ 671 h 1200"/>
              <a:gd name="T64" fmla="*/ 1631 w 1920"/>
              <a:gd name="T65" fmla="*/ 650 h 1200"/>
              <a:gd name="T66" fmla="*/ 1355 w 1920"/>
              <a:gd name="T67" fmla="*/ 556 h 1200"/>
              <a:gd name="T68" fmla="*/ 1405 w 1920"/>
              <a:gd name="T69" fmla="*/ 483 h 1200"/>
              <a:gd name="T70" fmla="*/ 1920 w 1920"/>
              <a:gd name="T71" fmla="*/ 388 h 1200"/>
              <a:gd name="T72" fmla="*/ 1563 w 1920"/>
              <a:gd name="T73" fmla="*/ 819 h 1200"/>
              <a:gd name="T74" fmla="*/ 1518 w 1920"/>
              <a:gd name="T75" fmla="*/ 1155 h 1200"/>
              <a:gd name="T76" fmla="*/ 1245 w 1920"/>
              <a:gd name="T77" fmla="*/ 1200 h 1200"/>
              <a:gd name="T78" fmla="*/ 1483 w 1920"/>
              <a:gd name="T79" fmla="*/ 936 h 1200"/>
              <a:gd name="T80" fmla="*/ 1038 w 1920"/>
              <a:gd name="T81" fmla="*/ 914 h 1200"/>
              <a:gd name="T82" fmla="*/ 1289 w 1920"/>
              <a:gd name="T83" fmla="*/ 817 h 1200"/>
              <a:gd name="T84" fmla="*/ 1120 w 1920"/>
              <a:gd name="T85" fmla="*/ 1200 h 1200"/>
              <a:gd name="T86" fmla="*/ 672 w 1920"/>
              <a:gd name="T87" fmla="*/ 819 h 1200"/>
              <a:gd name="T88" fmla="*/ 759 w 1920"/>
              <a:gd name="T89" fmla="*/ 1200 h 1200"/>
              <a:gd name="T90" fmla="*/ 606 w 1920"/>
              <a:gd name="T91" fmla="*/ 1200 h 1200"/>
              <a:gd name="T92" fmla="*/ 739 w 1920"/>
              <a:gd name="T93" fmla="*/ 1075 h 1200"/>
              <a:gd name="T94" fmla="*/ 273 w 1920"/>
              <a:gd name="T95" fmla="*/ 1200 h 1200"/>
              <a:gd name="T96" fmla="*/ 401 w 1920"/>
              <a:gd name="T97" fmla="*/ 1200 h 1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920" h="1200">
                <a:moveTo>
                  <a:pt x="971" y="571"/>
                </a:moveTo>
                <a:cubicBezTo>
                  <a:pt x="1007" y="542"/>
                  <a:pt x="1039" y="503"/>
                  <a:pt x="1060" y="461"/>
                </a:cubicBezTo>
                <a:cubicBezTo>
                  <a:pt x="1032" y="452"/>
                  <a:pt x="1001" y="446"/>
                  <a:pt x="971" y="446"/>
                </a:cubicBezTo>
                <a:lnTo>
                  <a:pt x="971" y="571"/>
                </a:lnTo>
                <a:close/>
                <a:moveTo>
                  <a:pt x="950" y="569"/>
                </a:moveTo>
                <a:cubicBezTo>
                  <a:pt x="913" y="542"/>
                  <a:pt x="881" y="503"/>
                  <a:pt x="860" y="461"/>
                </a:cubicBezTo>
                <a:cubicBezTo>
                  <a:pt x="888" y="451"/>
                  <a:pt x="919" y="446"/>
                  <a:pt x="950" y="446"/>
                </a:cubicBezTo>
                <a:lnTo>
                  <a:pt x="950" y="569"/>
                </a:lnTo>
                <a:close/>
                <a:moveTo>
                  <a:pt x="971" y="12"/>
                </a:moveTo>
                <a:cubicBezTo>
                  <a:pt x="1007" y="41"/>
                  <a:pt x="1039" y="79"/>
                  <a:pt x="1060" y="120"/>
                </a:cubicBezTo>
                <a:cubicBezTo>
                  <a:pt x="1032" y="130"/>
                  <a:pt x="1001" y="137"/>
                  <a:pt x="971" y="137"/>
                </a:cubicBezTo>
                <a:lnTo>
                  <a:pt x="971" y="12"/>
                </a:lnTo>
                <a:close/>
                <a:moveTo>
                  <a:pt x="950" y="12"/>
                </a:moveTo>
                <a:cubicBezTo>
                  <a:pt x="913" y="41"/>
                  <a:pt x="881" y="80"/>
                  <a:pt x="860" y="120"/>
                </a:cubicBezTo>
                <a:cubicBezTo>
                  <a:pt x="888" y="129"/>
                  <a:pt x="919" y="137"/>
                  <a:pt x="950" y="137"/>
                </a:cubicBezTo>
                <a:lnTo>
                  <a:pt x="950" y="12"/>
                </a:lnTo>
                <a:close/>
                <a:moveTo>
                  <a:pt x="971" y="424"/>
                </a:moveTo>
                <a:cubicBezTo>
                  <a:pt x="971" y="301"/>
                  <a:pt x="971" y="301"/>
                  <a:pt x="971" y="301"/>
                </a:cubicBezTo>
                <a:cubicBezTo>
                  <a:pt x="1104" y="301"/>
                  <a:pt x="1104" y="301"/>
                  <a:pt x="1104" y="301"/>
                </a:cubicBezTo>
                <a:cubicBezTo>
                  <a:pt x="1104" y="350"/>
                  <a:pt x="1092" y="398"/>
                  <a:pt x="1071" y="443"/>
                </a:cubicBezTo>
                <a:cubicBezTo>
                  <a:pt x="1040" y="432"/>
                  <a:pt x="1004" y="424"/>
                  <a:pt x="971" y="424"/>
                </a:cubicBezTo>
                <a:moveTo>
                  <a:pt x="1260" y="301"/>
                </a:moveTo>
                <a:cubicBezTo>
                  <a:pt x="1127" y="301"/>
                  <a:pt x="1127" y="301"/>
                  <a:pt x="1127" y="301"/>
                </a:cubicBezTo>
                <a:cubicBezTo>
                  <a:pt x="1125" y="355"/>
                  <a:pt x="1114" y="403"/>
                  <a:pt x="1092" y="451"/>
                </a:cubicBezTo>
                <a:cubicBezTo>
                  <a:pt x="1120" y="464"/>
                  <a:pt x="1146" y="480"/>
                  <a:pt x="1171" y="500"/>
                </a:cubicBezTo>
                <a:cubicBezTo>
                  <a:pt x="1225" y="447"/>
                  <a:pt x="1257" y="375"/>
                  <a:pt x="1260" y="301"/>
                </a:cubicBezTo>
                <a:moveTo>
                  <a:pt x="1154" y="514"/>
                </a:moveTo>
                <a:cubicBezTo>
                  <a:pt x="1133" y="496"/>
                  <a:pt x="1107" y="480"/>
                  <a:pt x="1081" y="470"/>
                </a:cubicBezTo>
                <a:cubicBezTo>
                  <a:pt x="1057" y="513"/>
                  <a:pt x="1028" y="549"/>
                  <a:pt x="990" y="582"/>
                </a:cubicBezTo>
                <a:cubicBezTo>
                  <a:pt x="1051" y="574"/>
                  <a:pt x="1107" y="552"/>
                  <a:pt x="1154" y="514"/>
                </a:cubicBezTo>
                <a:moveTo>
                  <a:pt x="950" y="424"/>
                </a:moveTo>
                <a:cubicBezTo>
                  <a:pt x="950" y="301"/>
                  <a:pt x="950" y="301"/>
                  <a:pt x="950" y="301"/>
                </a:cubicBezTo>
                <a:cubicBezTo>
                  <a:pt x="816" y="301"/>
                  <a:pt x="816" y="301"/>
                  <a:pt x="816" y="301"/>
                </a:cubicBezTo>
                <a:cubicBezTo>
                  <a:pt x="817" y="350"/>
                  <a:pt x="828" y="399"/>
                  <a:pt x="849" y="443"/>
                </a:cubicBezTo>
                <a:cubicBezTo>
                  <a:pt x="881" y="432"/>
                  <a:pt x="915" y="424"/>
                  <a:pt x="950" y="424"/>
                </a:cubicBezTo>
                <a:moveTo>
                  <a:pt x="660" y="301"/>
                </a:moveTo>
                <a:cubicBezTo>
                  <a:pt x="793" y="301"/>
                  <a:pt x="793" y="301"/>
                  <a:pt x="793" y="301"/>
                </a:cubicBezTo>
                <a:cubicBezTo>
                  <a:pt x="796" y="355"/>
                  <a:pt x="808" y="402"/>
                  <a:pt x="829" y="451"/>
                </a:cubicBezTo>
                <a:cubicBezTo>
                  <a:pt x="800" y="464"/>
                  <a:pt x="774" y="480"/>
                  <a:pt x="749" y="500"/>
                </a:cubicBezTo>
                <a:cubicBezTo>
                  <a:pt x="695" y="447"/>
                  <a:pt x="664" y="377"/>
                  <a:pt x="660" y="301"/>
                </a:cubicBezTo>
                <a:moveTo>
                  <a:pt x="765" y="514"/>
                </a:moveTo>
                <a:cubicBezTo>
                  <a:pt x="788" y="497"/>
                  <a:pt x="813" y="479"/>
                  <a:pt x="839" y="470"/>
                </a:cubicBezTo>
                <a:cubicBezTo>
                  <a:pt x="863" y="513"/>
                  <a:pt x="892" y="549"/>
                  <a:pt x="930" y="582"/>
                </a:cubicBezTo>
                <a:cubicBezTo>
                  <a:pt x="869" y="574"/>
                  <a:pt x="812" y="552"/>
                  <a:pt x="765" y="514"/>
                </a:cubicBezTo>
                <a:moveTo>
                  <a:pt x="971" y="158"/>
                </a:moveTo>
                <a:cubicBezTo>
                  <a:pt x="971" y="280"/>
                  <a:pt x="971" y="280"/>
                  <a:pt x="971" y="280"/>
                </a:cubicBezTo>
                <a:cubicBezTo>
                  <a:pt x="1104" y="280"/>
                  <a:pt x="1104" y="280"/>
                  <a:pt x="1104" y="280"/>
                </a:cubicBezTo>
                <a:cubicBezTo>
                  <a:pt x="1104" y="231"/>
                  <a:pt x="1092" y="184"/>
                  <a:pt x="1071" y="139"/>
                </a:cubicBezTo>
                <a:cubicBezTo>
                  <a:pt x="1039" y="150"/>
                  <a:pt x="1005" y="157"/>
                  <a:pt x="971" y="158"/>
                </a:cubicBezTo>
                <a:moveTo>
                  <a:pt x="1260" y="280"/>
                </a:moveTo>
                <a:cubicBezTo>
                  <a:pt x="1127" y="280"/>
                  <a:pt x="1127" y="280"/>
                  <a:pt x="1127" y="280"/>
                </a:cubicBezTo>
                <a:cubicBezTo>
                  <a:pt x="1125" y="227"/>
                  <a:pt x="1113" y="178"/>
                  <a:pt x="1092" y="131"/>
                </a:cubicBezTo>
                <a:cubicBezTo>
                  <a:pt x="1120" y="118"/>
                  <a:pt x="1147" y="102"/>
                  <a:pt x="1171" y="82"/>
                </a:cubicBezTo>
                <a:cubicBezTo>
                  <a:pt x="1228" y="138"/>
                  <a:pt x="1257" y="207"/>
                  <a:pt x="1260" y="280"/>
                </a:cubicBezTo>
                <a:moveTo>
                  <a:pt x="1154" y="67"/>
                </a:moveTo>
                <a:cubicBezTo>
                  <a:pt x="1133" y="86"/>
                  <a:pt x="1107" y="103"/>
                  <a:pt x="1081" y="113"/>
                </a:cubicBezTo>
                <a:cubicBezTo>
                  <a:pt x="1057" y="68"/>
                  <a:pt x="1028" y="33"/>
                  <a:pt x="990" y="0"/>
                </a:cubicBezTo>
                <a:cubicBezTo>
                  <a:pt x="1051" y="7"/>
                  <a:pt x="1107" y="30"/>
                  <a:pt x="1154" y="67"/>
                </a:cubicBezTo>
                <a:moveTo>
                  <a:pt x="950" y="158"/>
                </a:moveTo>
                <a:cubicBezTo>
                  <a:pt x="950" y="280"/>
                  <a:pt x="950" y="280"/>
                  <a:pt x="950" y="280"/>
                </a:cubicBezTo>
                <a:cubicBezTo>
                  <a:pt x="816" y="280"/>
                  <a:pt x="816" y="280"/>
                  <a:pt x="816" y="280"/>
                </a:cubicBezTo>
                <a:cubicBezTo>
                  <a:pt x="817" y="232"/>
                  <a:pt x="828" y="183"/>
                  <a:pt x="849" y="139"/>
                </a:cubicBezTo>
                <a:cubicBezTo>
                  <a:pt x="881" y="150"/>
                  <a:pt x="915" y="157"/>
                  <a:pt x="950" y="158"/>
                </a:cubicBezTo>
                <a:moveTo>
                  <a:pt x="660" y="280"/>
                </a:moveTo>
                <a:cubicBezTo>
                  <a:pt x="793" y="280"/>
                  <a:pt x="793" y="280"/>
                  <a:pt x="793" y="280"/>
                </a:cubicBezTo>
                <a:cubicBezTo>
                  <a:pt x="796" y="227"/>
                  <a:pt x="808" y="179"/>
                  <a:pt x="829" y="131"/>
                </a:cubicBezTo>
                <a:cubicBezTo>
                  <a:pt x="800" y="118"/>
                  <a:pt x="774" y="103"/>
                  <a:pt x="749" y="82"/>
                </a:cubicBezTo>
                <a:cubicBezTo>
                  <a:pt x="694" y="136"/>
                  <a:pt x="664" y="205"/>
                  <a:pt x="660" y="280"/>
                </a:cubicBezTo>
                <a:moveTo>
                  <a:pt x="765" y="67"/>
                </a:moveTo>
                <a:cubicBezTo>
                  <a:pt x="788" y="86"/>
                  <a:pt x="812" y="103"/>
                  <a:pt x="839" y="113"/>
                </a:cubicBezTo>
                <a:cubicBezTo>
                  <a:pt x="862" y="69"/>
                  <a:pt x="893" y="32"/>
                  <a:pt x="930" y="0"/>
                </a:cubicBezTo>
                <a:cubicBezTo>
                  <a:pt x="869" y="7"/>
                  <a:pt x="813" y="30"/>
                  <a:pt x="765" y="67"/>
                </a:cubicBezTo>
                <a:moveTo>
                  <a:pt x="0" y="388"/>
                </a:moveTo>
                <a:cubicBezTo>
                  <a:pt x="600" y="388"/>
                  <a:pt x="600" y="388"/>
                  <a:pt x="600" y="388"/>
                </a:cubicBezTo>
                <a:cubicBezTo>
                  <a:pt x="622" y="495"/>
                  <a:pt x="698" y="584"/>
                  <a:pt x="849" y="646"/>
                </a:cubicBezTo>
                <a:cubicBezTo>
                  <a:pt x="832" y="697"/>
                  <a:pt x="773" y="744"/>
                  <a:pt x="712" y="744"/>
                </a:cubicBezTo>
                <a:cubicBezTo>
                  <a:pt x="387" y="744"/>
                  <a:pt x="387" y="744"/>
                  <a:pt x="387" y="744"/>
                </a:cubicBezTo>
                <a:cubicBezTo>
                  <a:pt x="337" y="744"/>
                  <a:pt x="298" y="703"/>
                  <a:pt x="282" y="671"/>
                </a:cubicBezTo>
                <a:cubicBezTo>
                  <a:pt x="613" y="671"/>
                  <a:pt x="613" y="671"/>
                  <a:pt x="613" y="671"/>
                </a:cubicBezTo>
                <a:cubicBezTo>
                  <a:pt x="633" y="668"/>
                  <a:pt x="634" y="652"/>
                  <a:pt x="614" y="650"/>
                </a:cubicBezTo>
                <a:cubicBezTo>
                  <a:pt x="289" y="650"/>
                  <a:pt x="289" y="650"/>
                  <a:pt x="289" y="650"/>
                </a:cubicBezTo>
                <a:cubicBezTo>
                  <a:pt x="247" y="650"/>
                  <a:pt x="209" y="615"/>
                  <a:pt x="187" y="577"/>
                </a:cubicBezTo>
                <a:cubicBezTo>
                  <a:pt x="565" y="577"/>
                  <a:pt x="565" y="577"/>
                  <a:pt x="565" y="577"/>
                </a:cubicBezTo>
                <a:cubicBezTo>
                  <a:pt x="584" y="574"/>
                  <a:pt x="584" y="558"/>
                  <a:pt x="565" y="556"/>
                </a:cubicBezTo>
                <a:cubicBezTo>
                  <a:pt x="184" y="556"/>
                  <a:pt x="184" y="556"/>
                  <a:pt x="184" y="556"/>
                </a:cubicBezTo>
                <a:cubicBezTo>
                  <a:pt x="146" y="556"/>
                  <a:pt x="111" y="512"/>
                  <a:pt x="96" y="483"/>
                </a:cubicBezTo>
                <a:cubicBezTo>
                  <a:pt x="515" y="483"/>
                  <a:pt x="515" y="483"/>
                  <a:pt x="515" y="483"/>
                </a:cubicBezTo>
                <a:cubicBezTo>
                  <a:pt x="536" y="480"/>
                  <a:pt x="536" y="461"/>
                  <a:pt x="515" y="460"/>
                </a:cubicBezTo>
                <a:cubicBezTo>
                  <a:pt x="89" y="460"/>
                  <a:pt x="89" y="460"/>
                  <a:pt x="89" y="460"/>
                </a:cubicBezTo>
                <a:cubicBezTo>
                  <a:pt x="55" y="460"/>
                  <a:pt x="23" y="425"/>
                  <a:pt x="0" y="388"/>
                </a:cubicBezTo>
                <a:moveTo>
                  <a:pt x="1920" y="388"/>
                </a:moveTo>
                <a:cubicBezTo>
                  <a:pt x="1320" y="388"/>
                  <a:pt x="1320" y="388"/>
                  <a:pt x="1320" y="388"/>
                </a:cubicBezTo>
                <a:cubicBezTo>
                  <a:pt x="1298" y="495"/>
                  <a:pt x="1222" y="584"/>
                  <a:pt x="1071" y="646"/>
                </a:cubicBezTo>
                <a:cubicBezTo>
                  <a:pt x="1088" y="697"/>
                  <a:pt x="1147" y="744"/>
                  <a:pt x="1208" y="744"/>
                </a:cubicBezTo>
                <a:cubicBezTo>
                  <a:pt x="1533" y="744"/>
                  <a:pt x="1533" y="744"/>
                  <a:pt x="1533" y="744"/>
                </a:cubicBezTo>
                <a:cubicBezTo>
                  <a:pt x="1583" y="744"/>
                  <a:pt x="1622" y="703"/>
                  <a:pt x="1638" y="671"/>
                </a:cubicBezTo>
                <a:cubicBezTo>
                  <a:pt x="1307" y="671"/>
                  <a:pt x="1307" y="671"/>
                  <a:pt x="1307" y="671"/>
                </a:cubicBezTo>
                <a:cubicBezTo>
                  <a:pt x="1287" y="668"/>
                  <a:pt x="1286" y="652"/>
                  <a:pt x="1306" y="650"/>
                </a:cubicBezTo>
                <a:cubicBezTo>
                  <a:pt x="1631" y="650"/>
                  <a:pt x="1631" y="650"/>
                  <a:pt x="1631" y="650"/>
                </a:cubicBezTo>
                <a:cubicBezTo>
                  <a:pt x="1673" y="650"/>
                  <a:pt x="1711" y="615"/>
                  <a:pt x="1733" y="577"/>
                </a:cubicBezTo>
                <a:cubicBezTo>
                  <a:pt x="1355" y="577"/>
                  <a:pt x="1355" y="577"/>
                  <a:pt x="1355" y="577"/>
                </a:cubicBezTo>
                <a:cubicBezTo>
                  <a:pt x="1336" y="574"/>
                  <a:pt x="1336" y="558"/>
                  <a:pt x="1355" y="556"/>
                </a:cubicBezTo>
                <a:cubicBezTo>
                  <a:pt x="1736" y="556"/>
                  <a:pt x="1736" y="556"/>
                  <a:pt x="1736" y="556"/>
                </a:cubicBezTo>
                <a:cubicBezTo>
                  <a:pt x="1774" y="556"/>
                  <a:pt x="1809" y="512"/>
                  <a:pt x="1824" y="483"/>
                </a:cubicBezTo>
                <a:cubicBezTo>
                  <a:pt x="1405" y="483"/>
                  <a:pt x="1405" y="483"/>
                  <a:pt x="1405" y="483"/>
                </a:cubicBezTo>
                <a:cubicBezTo>
                  <a:pt x="1384" y="480"/>
                  <a:pt x="1384" y="461"/>
                  <a:pt x="1405" y="460"/>
                </a:cubicBezTo>
                <a:cubicBezTo>
                  <a:pt x="1831" y="460"/>
                  <a:pt x="1831" y="460"/>
                  <a:pt x="1831" y="460"/>
                </a:cubicBezTo>
                <a:cubicBezTo>
                  <a:pt x="1865" y="460"/>
                  <a:pt x="1897" y="425"/>
                  <a:pt x="1920" y="388"/>
                </a:cubicBezTo>
                <a:moveTo>
                  <a:pt x="1245" y="1200"/>
                </a:moveTo>
                <a:cubicBezTo>
                  <a:pt x="1437" y="819"/>
                  <a:pt x="1437" y="819"/>
                  <a:pt x="1437" y="819"/>
                </a:cubicBezTo>
                <a:cubicBezTo>
                  <a:pt x="1563" y="819"/>
                  <a:pt x="1563" y="819"/>
                  <a:pt x="1563" y="819"/>
                </a:cubicBezTo>
                <a:cubicBezTo>
                  <a:pt x="1643" y="1200"/>
                  <a:pt x="1643" y="1200"/>
                  <a:pt x="1643" y="1200"/>
                </a:cubicBezTo>
                <a:cubicBezTo>
                  <a:pt x="1523" y="1200"/>
                  <a:pt x="1523" y="1200"/>
                  <a:pt x="1523" y="1200"/>
                </a:cubicBezTo>
                <a:cubicBezTo>
                  <a:pt x="1518" y="1155"/>
                  <a:pt x="1518" y="1155"/>
                  <a:pt x="1518" y="1155"/>
                </a:cubicBezTo>
                <a:cubicBezTo>
                  <a:pt x="1392" y="1155"/>
                  <a:pt x="1392" y="1155"/>
                  <a:pt x="1392" y="1155"/>
                </a:cubicBezTo>
                <a:cubicBezTo>
                  <a:pt x="1371" y="1200"/>
                  <a:pt x="1371" y="1200"/>
                  <a:pt x="1371" y="1200"/>
                </a:cubicBezTo>
                <a:lnTo>
                  <a:pt x="1245" y="1200"/>
                </a:lnTo>
                <a:close/>
                <a:moveTo>
                  <a:pt x="1423" y="1075"/>
                </a:moveTo>
                <a:cubicBezTo>
                  <a:pt x="1504" y="1075"/>
                  <a:pt x="1504" y="1075"/>
                  <a:pt x="1504" y="1075"/>
                </a:cubicBezTo>
                <a:cubicBezTo>
                  <a:pt x="1483" y="936"/>
                  <a:pt x="1483" y="936"/>
                  <a:pt x="1483" y="936"/>
                </a:cubicBezTo>
                <a:lnTo>
                  <a:pt x="1423" y="1075"/>
                </a:lnTo>
                <a:close/>
                <a:moveTo>
                  <a:pt x="994" y="1200"/>
                </a:moveTo>
                <a:cubicBezTo>
                  <a:pt x="1038" y="914"/>
                  <a:pt x="1038" y="914"/>
                  <a:pt x="1038" y="914"/>
                </a:cubicBezTo>
                <a:cubicBezTo>
                  <a:pt x="927" y="914"/>
                  <a:pt x="927" y="914"/>
                  <a:pt x="927" y="914"/>
                </a:cubicBezTo>
                <a:cubicBezTo>
                  <a:pt x="946" y="817"/>
                  <a:pt x="946" y="817"/>
                  <a:pt x="946" y="817"/>
                </a:cubicBezTo>
                <a:cubicBezTo>
                  <a:pt x="1289" y="817"/>
                  <a:pt x="1289" y="817"/>
                  <a:pt x="1289" y="817"/>
                </a:cubicBezTo>
                <a:cubicBezTo>
                  <a:pt x="1269" y="914"/>
                  <a:pt x="1269" y="914"/>
                  <a:pt x="1269" y="914"/>
                </a:cubicBezTo>
                <a:cubicBezTo>
                  <a:pt x="1163" y="914"/>
                  <a:pt x="1163" y="914"/>
                  <a:pt x="1163" y="914"/>
                </a:cubicBezTo>
                <a:cubicBezTo>
                  <a:pt x="1120" y="1200"/>
                  <a:pt x="1120" y="1200"/>
                  <a:pt x="1120" y="1200"/>
                </a:cubicBezTo>
                <a:lnTo>
                  <a:pt x="994" y="1200"/>
                </a:lnTo>
                <a:close/>
                <a:moveTo>
                  <a:pt x="479" y="1200"/>
                </a:moveTo>
                <a:cubicBezTo>
                  <a:pt x="672" y="819"/>
                  <a:pt x="672" y="819"/>
                  <a:pt x="672" y="819"/>
                </a:cubicBezTo>
                <a:cubicBezTo>
                  <a:pt x="798" y="819"/>
                  <a:pt x="798" y="819"/>
                  <a:pt x="798" y="819"/>
                </a:cubicBezTo>
                <a:cubicBezTo>
                  <a:pt x="877" y="1200"/>
                  <a:pt x="877" y="1200"/>
                  <a:pt x="877" y="1200"/>
                </a:cubicBezTo>
                <a:cubicBezTo>
                  <a:pt x="759" y="1200"/>
                  <a:pt x="759" y="1200"/>
                  <a:pt x="759" y="1200"/>
                </a:cubicBezTo>
                <a:cubicBezTo>
                  <a:pt x="752" y="1155"/>
                  <a:pt x="752" y="1155"/>
                  <a:pt x="752" y="1155"/>
                </a:cubicBezTo>
                <a:cubicBezTo>
                  <a:pt x="626" y="1155"/>
                  <a:pt x="626" y="1155"/>
                  <a:pt x="626" y="1155"/>
                </a:cubicBezTo>
                <a:cubicBezTo>
                  <a:pt x="606" y="1200"/>
                  <a:pt x="606" y="1200"/>
                  <a:pt x="606" y="1200"/>
                </a:cubicBezTo>
                <a:lnTo>
                  <a:pt x="479" y="1200"/>
                </a:lnTo>
                <a:close/>
                <a:moveTo>
                  <a:pt x="657" y="1075"/>
                </a:moveTo>
                <a:cubicBezTo>
                  <a:pt x="739" y="1075"/>
                  <a:pt x="739" y="1075"/>
                  <a:pt x="739" y="1075"/>
                </a:cubicBezTo>
                <a:cubicBezTo>
                  <a:pt x="717" y="936"/>
                  <a:pt x="717" y="936"/>
                  <a:pt x="717" y="936"/>
                </a:cubicBezTo>
                <a:lnTo>
                  <a:pt x="657" y="1075"/>
                </a:lnTo>
                <a:close/>
                <a:moveTo>
                  <a:pt x="273" y="1200"/>
                </a:moveTo>
                <a:cubicBezTo>
                  <a:pt x="351" y="819"/>
                  <a:pt x="351" y="819"/>
                  <a:pt x="351" y="819"/>
                </a:cubicBezTo>
                <a:cubicBezTo>
                  <a:pt x="479" y="819"/>
                  <a:pt x="479" y="819"/>
                  <a:pt x="479" y="819"/>
                </a:cubicBezTo>
                <a:cubicBezTo>
                  <a:pt x="401" y="1200"/>
                  <a:pt x="401" y="1200"/>
                  <a:pt x="401" y="1200"/>
                </a:cubicBezTo>
                <a:lnTo>
                  <a:pt x="273" y="1200"/>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a:p>
        </p:txBody>
      </p:sp>
      <p:sp>
        <p:nvSpPr>
          <p:cNvPr id="9" name="Date Placeholder 8">
            <a:extLst>
              <a:ext uri="{FF2B5EF4-FFF2-40B4-BE49-F238E27FC236}">
                <a16:creationId xmlns:a16="http://schemas.microsoft.com/office/drawing/2014/main" id="{C8877799-5BE2-4BEB-8D62-4346F4548420}"/>
              </a:ext>
            </a:extLst>
          </p:cNvPr>
          <p:cNvSpPr>
            <a:spLocks noGrp="1"/>
          </p:cNvSpPr>
          <p:nvPr>
            <p:ph type="dt" sz="half" idx="14"/>
          </p:nvPr>
        </p:nvSpPr>
        <p:spPr/>
        <p:txBody>
          <a:bodyPr/>
          <a:lstStyle>
            <a:lvl1pPr>
              <a:defRPr>
                <a:solidFill>
                  <a:schemeClr val="bg1"/>
                </a:solidFill>
              </a:defRPr>
            </a:lvl1pPr>
          </a:lstStyle>
          <a:p>
            <a:fld id="{D8F5EBA1-C1C2-4F6F-970D-CFE4A81E1DB0}" type="datetime3">
              <a:rPr lang="en-US"/>
              <a:pPr/>
              <a:t>8 November 2023</a:t>
            </a:fld>
            <a:endParaRPr lang="en-US" dirty="0"/>
          </a:p>
        </p:txBody>
      </p:sp>
      <p:sp>
        <p:nvSpPr>
          <p:cNvPr id="10" name="Footer Placeholder 9">
            <a:extLst>
              <a:ext uri="{FF2B5EF4-FFF2-40B4-BE49-F238E27FC236}">
                <a16:creationId xmlns:a16="http://schemas.microsoft.com/office/drawing/2014/main" id="{A8EFA57A-9CCD-40CD-B5B2-8CEC13FFBF30}"/>
              </a:ext>
            </a:extLst>
          </p:cNvPr>
          <p:cNvSpPr>
            <a:spLocks noGrp="1"/>
          </p:cNvSpPr>
          <p:nvPr>
            <p:ph type="ftr" sz="quarter" idx="15"/>
          </p:nvPr>
        </p:nvSpPr>
        <p:spPr/>
        <p:txBody>
          <a:bodyPr/>
          <a:lstStyle>
            <a:lvl1pPr>
              <a:defRPr>
                <a:solidFill>
                  <a:schemeClr val="bg1"/>
                </a:solidFill>
              </a:defRPr>
            </a:lvl1pPr>
          </a:lstStyle>
          <a:p>
            <a:endParaRPr lang="en-US" dirty="0"/>
          </a:p>
        </p:txBody>
      </p:sp>
      <p:sp>
        <p:nvSpPr>
          <p:cNvPr id="11" name="Slide Number Placeholder 10">
            <a:extLst>
              <a:ext uri="{FF2B5EF4-FFF2-40B4-BE49-F238E27FC236}">
                <a16:creationId xmlns:a16="http://schemas.microsoft.com/office/drawing/2014/main" id="{37A8C5AF-CF06-4298-8D3D-4664B9CBEBDA}"/>
              </a:ext>
            </a:extLst>
          </p:cNvPr>
          <p:cNvSpPr>
            <a:spLocks noGrp="1"/>
          </p:cNvSpPr>
          <p:nvPr>
            <p:ph type="sldNum" sz="quarter" idx="16"/>
          </p:nvPr>
        </p:nvSpPr>
        <p:spPr/>
        <p:txBody>
          <a:bodyPr/>
          <a:lstStyle>
            <a:lvl1pPr>
              <a:defRPr>
                <a:solidFill>
                  <a:schemeClr val="bg1"/>
                </a:solidFill>
              </a:defRPr>
            </a:lvl1pPr>
          </a:lstStyle>
          <a:p>
            <a:fld id="{1A9E565A-6679-4A67-8FB7-14EA342FD6E1}" type="slidenum">
              <a:rPr lang="en-US"/>
              <a:pPr/>
              <a:t>‹#›</a:t>
            </a:fld>
            <a:endParaRPr lang="en-US" dirty="0"/>
          </a:p>
        </p:txBody>
      </p:sp>
    </p:spTree>
    <p:extLst>
      <p:ext uri="{BB962C8B-B14F-4D97-AF65-F5344CB8AC3E}">
        <p14:creationId xmlns:p14="http://schemas.microsoft.com/office/powerpoint/2010/main" val="32111638"/>
      </p:ext>
    </p:extLst>
  </p:cSld>
  <p:clrMapOvr>
    <a:masterClrMapping/>
  </p:clrMapOvr>
  <p:transition>
    <p:fade/>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userDrawn="1">
  <p:cSld name="HALF-BLUE_TitleSlide">
    <p:bg>
      <p:bgPr>
        <a:solidFill>
          <a:schemeClr val="accent1"/>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B2B5F127-4E3B-48EA-B6F5-E3D5675A9CD1}"/>
              </a:ext>
            </a:extLst>
          </p:cNvPr>
          <p:cNvSpPr/>
          <p:nvPr userDrawn="1"/>
        </p:nvSpPr>
        <p:spPr>
          <a:xfrm>
            <a:off x="0" y="0"/>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B7E5DEED-A00F-432E-919B-A31AE102E4CC}"/>
              </a:ext>
            </a:extLst>
          </p:cNvPr>
          <p:cNvSpPr>
            <a:spLocks noGrp="1"/>
          </p:cNvSpPr>
          <p:nvPr>
            <p:ph type="ctrTitle"/>
          </p:nvPr>
        </p:nvSpPr>
        <p:spPr>
          <a:xfrm>
            <a:off x="381000" y="1485900"/>
            <a:ext cx="5526000" cy="2387600"/>
          </a:xfrm>
        </p:spPr>
        <p:txBody>
          <a:bodyPr anchor="t" anchorCtr="0"/>
          <a:lstStyle>
            <a:lvl1pPr algn="l">
              <a:lnSpc>
                <a:spcPts val="5800"/>
              </a:lnSpc>
              <a:defRPr sz="5600">
                <a:solidFill>
                  <a:schemeClr val="accent1"/>
                </a:solidFill>
                <a:latin typeface="+mj-lt"/>
              </a:defRPr>
            </a:lvl1pPr>
          </a:lstStyle>
          <a:p>
            <a:r>
              <a:rPr lang="en-US"/>
              <a:t>Click to edit Master title style</a:t>
            </a:r>
            <a:endParaRPr lang="en-US" dirty="0"/>
          </a:p>
        </p:txBody>
      </p:sp>
      <p:sp>
        <p:nvSpPr>
          <p:cNvPr id="3" name="Subtitle 2">
            <a:extLst>
              <a:ext uri="{FF2B5EF4-FFF2-40B4-BE49-F238E27FC236}">
                <a16:creationId xmlns:a16="http://schemas.microsoft.com/office/drawing/2014/main" id="{D232A637-F57B-4008-8DC2-4D2B8ECC1A66}"/>
              </a:ext>
            </a:extLst>
          </p:cNvPr>
          <p:cNvSpPr>
            <a:spLocks noGrp="1"/>
          </p:cNvSpPr>
          <p:nvPr>
            <p:ph type="subTitle" idx="1"/>
          </p:nvPr>
        </p:nvSpPr>
        <p:spPr>
          <a:xfrm>
            <a:off x="381000" y="3965575"/>
            <a:ext cx="5526000" cy="1655762"/>
          </a:xfrm>
        </p:spPr>
        <p:txBody>
          <a:bodyPr anchor="t" anchorCtr="0"/>
          <a:lstStyle>
            <a:lvl1pPr marL="0" indent="0" algn="l">
              <a:lnSpc>
                <a:spcPts val="3400"/>
              </a:lnSpc>
              <a:spcBef>
                <a:spcPts val="0"/>
              </a:spcBef>
              <a:spcAft>
                <a:spcPts val="1400"/>
              </a:spcAft>
              <a:buNone/>
              <a:defRPr sz="3200">
                <a:solidFill>
                  <a:schemeClr val="tx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US" dirty="0"/>
          </a:p>
        </p:txBody>
      </p:sp>
      <p:sp>
        <p:nvSpPr>
          <p:cNvPr id="7" name="Freeform 5">
            <a:extLst>
              <a:ext uri="{FF2B5EF4-FFF2-40B4-BE49-F238E27FC236}">
                <a16:creationId xmlns:a16="http://schemas.microsoft.com/office/drawing/2014/main" id="{7013E3A3-37C5-400E-905D-C7BC5CA55E5C}"/>
              </a:ext>
            </a:extLst>
          </p:cNvPr>
          <p:cNvSpPr>
            <a:spLocks noChangeAspect="1" noEditPoints="1"/>
          </p:cNvSpPr>
          <p:nvPr userDrawn="1"/>
        </p:nvSpPr>
        <p:spPr bwMode="auto">
          <a:xfrm>
            <a:off x="10528388" y="5678705"/>
            <a:ext cx="1281937" cy="802800"/>
          </a:xfrm>
          <a:custGeom>
            <a:avLst/>
            <a:gdLst>
              <a:gd name="T0" fmla="*/ 971 w 1920"/>
              <a:gd name="T1" fmla="*/ 446 h 1200"/>
              <a:gd name="T2" fmla="*/ 860 w 1920"/>
              <a:gd name="T3" fmla="*/ 461 h 1200"/>
              <a:gd name="T4" fmla="*/ 971 w 1920"/>
              <a:gd name="T5" fmla="*/ 12 h 1200"/>
              <a:gd name="T6" fmla="*/ 971 w 1920"/>
              <a:gd name="T7" fmla="*/ 12 h 1200"/>
              <a:gd name="T8" fmla="*/ 950 w 1920"/>
              <a:gd name="T9" fmla="*/ 137 h 1200"/>
              <a:gd name="T10" fmla="*/ 971 w 1920"/>
              <a:gd name="T11" fmla="*/ 301 h 1200"/>
              <a:gd name="T12" fmla="*/ 971 w 1920"/>
              <a:gd name="T13" fmla="*/ 424 h 1200"/>
              <a:gd name="T14" fmla="*/ 1092 w 1920"/>
              <a:gd name="T15" fmla="*/ 451 h 1200"/>
              <a:gd name="T16" fmla="*/ 1154 w 1920"/>
              <a:gd name="T17" fmla="*/ 514 h 1200"/>
              <a:gd name="T18" fmla="*/ 1154 w 1920"/>
              <a:gd name="T19" fmla="*/ 514 h 1200"/>
              <a:gd name="T20" fmla="*/ 816 w 1920"/>
              <a:gd name="T21" fmla="*/ 301 h 1200"/>
              <a:gd name="T22" fmla="*/ 660 w 1920"/>
              <a:gd name="T23" fmla="*/ 301 h 1200"/>
              <a:gd name="T24" fmla="*/ 749 w 1920"/>
              <a:gd name="T25" fmla="*/ 500 h 1200"/>
              <a:gd name="T26" fmla="*/ 839 w 1920"/>
              <a:gd name="T27" fmla="*/ 470 h 1200"/>
              <a:gd name="T28" fmla="*/ 971 w 1920"/>
              <a:gd name="T29" fmla="*/ 158 h 1200"/>
              <a:gd name="T30" fmla="*/ 1071 w 1920"/>
              <a:gd name="T31" fmla="*/ 139 h 1200"/>
              <a:gd name="T32" fmla="*/ 1127 w 1920"/>
              <a:gd name="T33" fmla="*/ 280 h 1200"/>
              <a:gd name="T34" fmla="*/ 1260 w 1920"/>
              <a:gd name="T35" fmla="*/ 280 h 1200"/>
              <a:gd name="T36" fmla="*/ 990 w 1920"/>
              <a:gd name="T37" fmla="*/ 0 h 1200"/>
              <a:gd name="T38" fmla="*/ 950 w 1920"/>
              <a:gd name="T39" fmla="*/ 280 h 1200"/>
              <a:gd name="T40" fmla="*/ 950 w 1920"/>
              <a:gd name="T41" fmla="*/ 158 h 1200"/>
              <a:gd name="T42" fmla="*/ 829 w 1920"/>
              <a:gd name="T43" fmla="*/ 131 h 1200"/>
              <a:gd name="T44" fmla="*/ 765 w 1920"/>
              <a:gd name="T45" fmla="*/ 67 h 1200"/>
              <a:gd name="T46" fmla="*/ 765 w 1920"/>
              <a:gd name="T47" fmla="*/ 67 h 1200"/>
              <a:gd name="T48" fmla="*/ 849 w 1920"/>
              <a:gd name="T49" fmla="*/ 646 h 1200"/>
              <a:gd name="T50" fmla="*/ 282 w 1920"/>
              <a:gd name="T51" fmla="*/ 671 h 1200"/>
              <a:gd name="T52" fmla="*/ 289 w 1920"/>
              <a:gd name="T53" fmla="*/ 650 h 1200"/>
              <a:gd name="T54" fmla="*/ 565 w 1920"/>
              <a:gd name="T55" fmla="*/ 556 h 1200"/>
              <a:gd name="T56" fmla="*/ 515 w 1920"/>
              <a:gd name="T57" fmla="*/ 483 h 1200"/>
              <a:gd name="T58" fmla="*/ 0 w 1920"/>
              <a:gd name="T59" fmla="*/ 388 h 1200"/>
              <a:gd name="T60" fmla="*/ 1071 w 1920"/>
              <a:gd name="T61" fmla="*/ 646 h 1200"/>
              <a:gd name="T62" fmla="*/ 1638 w 1920"/>
              <a:gd name="T63" fmla="*/ 671 h 1200"/>
              <a:gd name="T64" fmla="*/ 1631 w 1920"/>
              <a:gd name="T65" fmla="*/ 650 h 1200"/>
              <a:gd name="T66" fmla="*/ 1355 w 1920"/>
              <a:gd name="T67" fmla="*/ 556 h 1200"/>
              <a:gd name="T68" fmla="*/ 1405 w 1920"/>
              <a:gd name="T69" fmla="*/ 483 h 1200"/>
              <a:gd name="T70" fmla="*/ 1920 w 1920"/>
              <a:gd name="T71" fmla="*/ 388 h 1200"/>
              <a:gd name="T72" fmla="*/ 1563 w 1920"/>
              <a:gd name="T73" fmla="*/ 819 h 1200"/>
              <a:gd name="T74" fmla="*/ 1518 w 1920"/>
              <a:gd name="T75" fmla="*/ 1155 h 1200"/>
              <a:gd name="T76" fmla="*/ 1245 w 1920"/>
              <a:gd name="T77" fmla="*/ 1200 h 1200"/>
              <a:gd name="T78" fmla="*/ 1483 w 1920"/>
              <a:gd name="T79" fmla="*/ 936 h 1200"/>
              <a:gd name="T80" fmla="*/ 1038 w 1920"/>
              <a:gd name="T81" fmla="*/ 914 h 1200"/>
              <a:gd name="T82" fmla="*/ 1289 w 1920"/>
              <a:gd name="T83" fmla="*/ 817 h 1200"/>
              <a:gd name="T84" fmla="*/ 1120 w 1920"/>
              <a:gd name="T85" fmla="*/ 1200 h 1200"/>
              <a:gd name="T86" fmla="*/ 672 w 1920"/>
              <a:gd name="T87" fmla="*/ 819 h 1200"/>
              <a:gd name="T88" fmla="*/ 759 w 1920"/>
              <a:gd name="T89" fmla="*/ 1200 h 1200"/>
              <a:gd name="T90" fmla="*/ 606 w 1920"/>
              <a:gd name="T91" fmla="*/ 1200 h 1200"/>
              <a:gd name="T92" fmla="*/ 739 w 1920"/>
              <a:gd name="T93" fmla="*/ 1075 h 1200"/>
              <a:gd name="T94" fmla="*/ 273 w 1920"/>
              <a:gd name="T95" fmla="*/ 1200 h 1200"/>
              <a:gd name="T96" fmla="*/ 401 w 1920"/>
              <a:gd name="T97" fmla="*/ 1200 h 1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920" h="1200">
                <a:moveTo>
                  <a:pt x="971" y="571"/>
                </a:moveTo>
                <a:cubicBezTo>
                  <a:pt x="1007" y="542"/>
                  <a:pt x="1039" y="503"/>
                  <a:pt x="1060" y="461"/>
                </a:cubicBezTo>
                <a:cubicBezTo>
                  <a:pt x="1032" y="452"/>
                  <a:pt x="1001" y="446"/>
                  <a:pt x="971" y="446"/>
                </a:cubicBezTo>
                <a:lnTo>
                  <a:pt x="971" y="571"/>
                </a:lnTo>
                <a:close/>
                <a:moveTo>
                  <a:pt x="950" y="569"/>
                </a:moveTo>
                <a:cubicBezTo>
                  <a:pt x="913" y="542"/>
                  <a:pt x="881" y="503"/>
                  <a:pt x="860" y="461"/>
                </a:cubicBezTo>
                <a:cubicBezTo>
                  <a:pt x="888" y="451"/>
                  <a:pt x="919" y="446"/>
                  <a:pt x="950" y="446"/>
                </a:cubicBezTo>
                <a:lnTo>
                  <a:pt x="950" y="569"/>
                </a:lnTo>
                <a:close/>
                <a:moveTo>
                  <a:pt x="971" y="12"/>
                </a:moveTo>
                <a:cubicBezTo>
                  <a:pt x="1007" y="41"/>
                  <a:pt x="1039" y="79"/>
                  <a:pt x="1060" y="120"/>
                </a:cubicBezTo>
                <a:cubicBezTo>
                  <a:pt x="1032" y="130"/>
                  <a:pt x="1001" y="137"/>
                  <a:pt x="971" y="137"/>
                </a:cubicBezTo>
                <a:lnTo>
                  <a:pt x="971" y="12"/>
                </a:lnTo>
                <a:close/>
                <a:moveTo>
                  <a:pt x="950" y="12"/>
                </a:moveTo>
                <a:cubicBezTo>
                  <a:pt x="913" y="41"/>
                  <a:pt x="881" y="80"/>
                  <a:pt x="860" y="120"/>
                </a:cubicBezTo>
                <a:cubicBezTo>
                  <a:pt x="888" y="129"/>
                  <a:pt x="919" y="137"/>
                  <a:pt x="950" y="137"/>
                </a:cubicBezTo>
                <a:lnTo>
                  <a:pt x="950" y="12"/>
                </a:lnTo>
                <a:close/>
                <a:moveTo>
                  <a:pt x="971" y="424"/>
                </a:moveTo>
                <a:cubicBezTo>
                  <a:pt x="971" y="301"/>
                  <a:pt x="971" y="301"/>
                  <a:pt x="971" y="301"/>
                </a:cubicBezTo>
                <a:cubicBezTo>
                  <a:pt x="1104" y="301"/>
                  <a:pt x="1104" y="301"/>
                  <a:pt x="1104" y="301"/>
                </a:cubicBezTo>
                <a:cubicBezTo>
                  <a:pt x="1104" y="350"/>
                  <a:pt x="1092" y="398"/>
                  <a:pt x="1071" y="443"/>
                </a:cubicBezTo>
                <a:cubicBezTo>
                  <a:pt x="1040" y="432"/>
                  <a:pt x="1004" y="424"/>
                  <a:pt x="971" y="424"/>
                </a:cubicBezTo>
                <a:moveTo>
                  <a:pt x="1260" y="301"/>
                </a:moveTo>
                <a:cubicBezTo>
                  <a:pt x="1127" y="301"/>
                  <a:pt x="1127" y="301"/>
                  <a:pt x="1127" y="301"/>
                </a:cubicBezTo>
                <a:cubicBezTo>
                  <a:pt x="1125" y="355"/>
                  <a:pt x="1114" y="403"/>
                  <a:pt x="1092" y="451"/>
                </a:cubicBezTo>
                <a:cubicBezTo>
                  <a:pt x="1120" y="464"/>
                  <a:pt x="1146" y="480"/>
                  <a:pt x="1171" y="500"/>
                </a:cubicBezTo>
                <a:cubicBezTo>
                  <a:pt x="1225" y="447"/>
                  <a:pt x="1257" y="375"/>
                  <a:pt x="1260" y="301"/>
                </a:cubicBezTo>
                <a:moveTo>
                  <a:pt x="1154" y="514"/>
                </a:moveTo>
                <a:cubicBezTo>
                  <a:pt x="1133" y="496"/>
                  <a:pt x="1107" y="480"/>
                  <a:pt x="1081" y="470"/>
                </a:cubicBezTo>
                <a:cubicBezTo>
                  <a:pt x="1057" y="513"/>
                  <a:pt x="1028" y="549"/>
                  <a:pt x="990" y="582"/>
                </a:cubicBezTo>
                <a:cubicBezTo>
                  <a:pt x="1051" y="574"/>
                  <a:pt x="1107" y="552"/>
                  <a:pt x="1154" y="514"/>
                </a:cubicBezTo>
                <a:moveTo>
                  <a:pt x="950" y="424"/>
                </a:moveTo>
                <a:cubicBezTo>
                  <a:pt x="950" y="301"/>
                  <a:pt x="950" y="301"/>
                  <a:pt x="950" y="301"/>
                </a:cubicBezTo>
                <a:cubicBezTo>
                  <a:pt x="816" y="301"/>
                  <a:pt x="816" y="301"/>
                  <a:pt x="816" y="301"/>
                </a:cubicBezTo>
                <a:cubicBezTo>
                  <a:pt x="817" y="350"/>
                  <a:pt x="828" y="399"/>
                  <a:pt x="849" y="443"/>
                </a:cubicBezTo>
                <a:cubicBezTo>
                  <a:pt x="881" y="432"/>
                  <a:pt x="915" y="424"/>
                  <a:pt x="950" y="424"/>
                </a:cubicBezTo>
                <a:moveTo>
                  <a:pt x="660" y="301"/>
                </a:moveTo>
                <a:cubicBezTo>
                  <a:pt x="793" y="301"/>
                  <a:pt x="793" y="301"/>
                  <a:pt x="793" y="301"/>
                </a:cubicBezTo>
                <a:cubicBezTo>
                  <a:pt x="796" y="355"/>
                  <a:pt x="808" y="402"/>
                  <a:pt x="829" y="451"/>
                </a:cubicBezTo>
                <a:cubicBezTo>
                  <a:pt x="800" y="464"/>
                  <a:pt x="774" y="480"/>
                  <a:pt x="749" y="500"/>
                </a:cubicBezTo>
                <a:cubicBezTo>
                  <a:pt x="695" y="447"/>
                  <a:pt x="664" y="377"/>
                  <a:pt x="660" y="301"/>
                </a:cubicBezTo>
                <a:moveTo>
                  <a:pt x="765" y="514"/>
                </a:moveTo>
                <a:cubicBezTo>
                  <a:pt x="788" y="497"/>
                  <a:pt x="813" y="479"/>
                  <a:pt x="839" y="470"/>
                </a:cubicBezTo>
                <a:cubicBezTo>
                  <a:pt x="863" y="513"/>
                  <a:pt x="892" y="549"/>
                  <a:pt x="930" y="582"/>
                </a:cubicBezTo>
                <a:cubicBezTo>
                  <a:pt x="869" y="574"/>
                  <a:pt x="812" y="552"/>
                  <a:pt x="765" y="514"/>
                </a:cubicBezTo>
                <a:moveTo>
                  <a:pt x="971" y="158"/>
                </a:moveTo>
                <a:cubicBezTo>
                  <a:pt x="971" y="280"/>
                  <a:pt x="971" y="280"/>
                  <a:pt x="971" y="280"/>
                </a:cubicBezTo>
                <a:cubicBezTo>
                  <a:pt x="1104" y="280"/>
                  <a:pt x="1104" y="280"/>
                  <a:pt x="1104" y="280"/>
                </a:cubicBezTo>
                <a:cubicBezTo>
                  <a:pt x="1104" y="231"/>
                  <a:pt x="1092" y="184"/>
                  <a:pt x="1071" y="139"/>
                </a:cubicBezTo>
                <a:cubicBezTo>
                  <a:pt x="1039" y="150"/>
                  <a:pt x="1005" y="157"/>
                  <a:pt x="971" y="158"/>
                </a:cubicBezTo>
                <a:moveTo>
                  <a:pt x="1260" y="280"/>
                </a:moveTo>
                <a:cubicBezTo>
                  <a:pt x="1127" y="280"/>
                  <a:pt x="1127" y="280"/>
                  <a:pt x="1127" y="280"/>
                </a:cubicBezTo>
                <a:cubicBezTo>
                  <a:pt x="1125" y="227"/>
                  <a:pt x="1113" y="178"/>
                  <a:pt x="1092" y="131"/>
                </a:cubicBezTo>
                <a:cubicBezTo>
                  <a:pt x="1120" y="118"/>
                  <a:pt x="1147" y="102"/>
                  <a:pt x="1171" y="82"/>
                </a:cubicBezTo>
                <a:cubicBezTo>
                  <a:pt x="1228" y="138"/>
                  <a:pt x="1257" y="207"/>
                  <a:pt x="1260" y="280"/>
                </a:cubicBezTo>
                <a:moveTo>
                  <a:pt x="1154" y="67"/>
                </a:moveTo>
                <a:cubicBezTo>
                  <a:pt x="1133" y="86"/>
                  <a:pt x="1107" y="103"/>
                  <a:pt x="1081" y="113"/>
                </a:cubicBezTo>
                <a:cubicBezTo>
                  <a:pt x="1057" y="68"/>
                  <a:pt x="1028" y="33"/>
                  <a:pt x="990" y="0"/>
                </a:cubicBezTo>
                <a:cubicBezTo>
                  <a:pt x="1051" y="7"/>
                  <a:pt x="1107" y="30"/>
                  <a:pt x="1154" y="67"/>
                </a:cubicBezTo>
                <a:moveTo>
                  <a:pt x="950" y="158"/>
                </a:moveTo>
                <a:cubicBezTo>
                  <a:pt x="950" y="280"/>
                  <a:pt x="950" y="280"/>
                  <a:pt x="950" y="280"/>
                </a:cubicBezTo>
                <a:cubicBezTo>
                  <a:pt x="816" y="280"/>
                  <a:pt x="816" y="280"/>
                  <a:pt x="816" y="280"/>
                </a:cubicBezTo>
                <a:cubicBezTo>
                  <a:pt x="817" y="232"/>
                  <a:pt x="828" y="183"/>
                  <a:pt x="849" y="139"/>
                </a:cubicBezTo>
                <a:cubicBezTo>
                  <a:pt x="881" y="150"/>
                  <a:pt x="915" y="157"/>
                  <a:pt x="950" y="158"/>
                </a:cubicBezTo>
                <a:moveTo>
                  <a:pt x="660" y="280"/>
                </a:moveTo>
                <a:cubicBezTo>
                  <a:pt x="793" y="280"/>
                  <a:pt x="793" y="280"/>
                  <a:pt x="793" y="280"/>
                </a:cubicBezTo>
                <a:cubicBezTo>
                  <a:pt x="796" y="227"/>
                  <a:pt x="808" y="179"/>
                  <a:pt x="829" y="131"/>
                </a:cubicBezTo>
                <a:cubicBezTo>
                  <a:pt x="800" y="118"/>
                  <a:pt x="774" y="103"/>
                  <a:pt x="749" y="82"/>
                </a:cubicBezTo>
                <a:cubicBezTo>
                  <a:pt x="694" y="136"/>
                  <a:pt x="664" y="205"/>
                  <a:pt x="660" y="280"/>
                </a:cubicBezTo>
                <a:moveTo>
                  <a:pt x="765" y="67"/>
                </a:moveTo>
                <a:cubicBezTo>
                  <a:pt x="788" y="86"/>
                  <a:pt x="812" y="103"/>
                  <a:pt x="839" y="113"/>
                </a:cubicBezTo>
                <a:cubicBezTo>
                  <a:pt x="862" y="69"/>
                  <a:pt x="893" y="32"/>
                  <a:pt x="930" y="0"/>
                </a:cubicBezTo>
                <a:cubicBezTo>
                  <a:pt x="869" y="7"/>
                  <a:pt x="813" y="30"/>
                  <a:pt x="765" y="67"/>
                </a:cubicBezTo>
                <a:moveTo>
                  <a:pt x="0" y="388"/>
                </a:moveTo>
                <a:cubicBezTo>
                  <a:pt x="600" y="388"/>
                  <a:pt x="600" y="388"/>
                  <a:pt x="600" y="388"/>
                </a:cubicBezTo>
                <a:cubicBezTo>
                  <a:pt x="622" y="495"/>
                  <a:pt x="698" y="584"/>
                  <a:pt x="849" y="646"/>
                </a:cubicBezTo>
                <a:cubicBezTo>
                  <a:pt x="832" y="697"/>
                  <a:pt x="773" y="744"/>
                  <a:pt x="712" y="744"/>
                </a:cubicBezTo>
                <a:cubicBezTo>
                  <a:pt x="387" y="744"/>
                  <a:pt x="387" y="744"/>
                  <a:pt x="387" y="744"/>
                </a:cubicBezTo>
                <a:cubicBezTo>
                  <a:pt x="337" y="744"/>
                  <a:pt x="298" y="703"/>
                  <a:pt x="282" y="671"/>
                </a:cubicBezTo>
                <a:cubicBezTo>
                  <a:pt x="613" y="671"/>
                  <a:pt x="613" y="671"/>
                  <a:pt x="613" y="671"/>
                </a:cubicBezTo>
                <a:cubicBezTo>
                  <a:pt x="633" y="668"/>
                  <a:pt x="634" y="652"/>
                  <a:pt x="614" y="650"/>
                </a:cubicBezTo>
                <a:cubicBezTo>
                  <a:pt x="289" y="650"/>
                  <a:pt x="289" y="650"/>
                  <a:pt x="289" y="650"/>
                </a:cubicBezTo>
                <a:cubicBezTo>
                  <a:pt x="247" y="650"/>
                  <a:pt x="209" y="615"/>
                  <a:pt x="187" y="577"/>
                </a:cubicBezTo>
                <a:cubicBezTo>
                  <a:pt x="565" y="577"/>
                  <a:pt x="565" y="577"/>
                  <a:pt x="565" y="577"/>
                </a:cubicBezTo>
                <a:cubicBezTo>
                  <a:pt x="584" y="574"/>
                  <a:pt x="584" y="558"/>
                  <a:pt x="565" y="556"/>
                </a:cubicBezTo>
                <a:cubicBezTo>
                  <a:pt x="184" y="556"/>
                  <a:pt x="184" y="556"/>
                  <a:pt x="184" y="556"/>
                </a:cubicBezTo>
                <a:cubicBezTo>
                  <a:pt x="146" y="556"/>
                  <a:pt x="111" y="512"/>
                  <a:pt x="96" y="483"/>
                </a:cubicBezTo>
                <a:cubicBezTo>
                  <a:pt x="515" y="483"/>
                  <a:pt x="515" y="483"/>
                  <a:pt x="515" y="483"/>
                </a:cubicBezTo>
                <a:cubicBezTo>
                  <a:pt x="536" y="480"/>
                  <a:pt x="536" y="461"/>
                  <a:pt x="515" y="460"/>
                </a:cubicBezTo>
                <a:cubicBezTo>
                  <a:pt x="89" y="460"/>
                  <a:pt x="89" y="460"/>
                  <a:pt x="89" y="460"/>
                </a:cubicBezTo>
                <a:cubicBezTo>
                  <a:pt x="55" y="460"/>
                  <a:pt x="23" y="425"/>
                  <a:pt x="0" y="388"/>
                </a:cubicBezTo>
                <a:moveTo>
                  <a:pt x="1920" y="388"/>
                </a:moveTo>
                <a:cubicBezTo>
                  <a:pt x="1320" y="388"/>
                  <a:pt x="1320" y="388"/>
                  <a:pt x="1320" y="388"/>
                </a:cubicBezTo>
                <a:cubicBezTo>
                  <a:pt x="1298" y="495"/>
                  <a:pt x="1222" y="584"/>
                  <a:pt x="1071" y="646"/>
                </a:cubicBezTo>
                <a:cubicBezTo>
                  <a:pt x="1088" y="697"/>
                  <a:pt x="1147" y="744"/>
                  <a:pt x="1208" y="744"/>
                </a:cubicBezTo>
                <a:cubicBezTo>
                  <a:pt x="1533" y="744"/>
                  <a:pt x="1533" y="744"/>
                  <a:pt x="1533" y="744"/>
                </a:cubicBezTo>
                <a:cubicBezTo>
                  <a:pt x="1583" y="744"/>
                  <a:pt x="1622" y="703"/>
                  <a:pt x="1638" y="671"/>
                </a:cubicBezTo>
                <a:cubicBezTo>
                  <a:pt x="1307" y="671"/>
                  <a:pt x="1307" y="671"/>
                  <a:pt x="1307" y="671"/>
                </a:cubicBezTo>
                <a:cubicBezTo>
                  <a:pt x="1287" y="668"/>
                  <a:pt x="1286" y="652"/>
                  <a:pt x="1306" y="650"/>
                </a:cubicBezTo>
                <a:cubicBezTo>
                  <a:pt x="1631" y="650"/>
                  <a:pt x="1631" y="650"/>
                  <a:pt x="1631" y="650"/>
                </a:cubicBezTo>
                <a:cubicBezTo>
                  <a:pt x="1673" y="650"/>
                  <a:pt x="1711" y="615"/>
                  <a:pt x="1733" y="577"/>
                </a:cubicBezTo>
                <a:cubicBezTo>
                  <a:pt x="1355" y="577"/>
                  <a:pt x="1355" y="577"/>
                  <a:pt x="1355" y="577"/>
                </a:cubicBezTo>
                <a:cubicBezTo>
                  <a:pt x="1336" y="574"/>
                  <a:pt x="1336" y="558"/>
                  <a:pt x="1355" y="556"/>
                </a:cubicBezTo>
                <a:cubicBezTo>
                  <a:pt x="1736" y="556"/>
                  <a:pt x="1736" y="556"/>
                  <a:pt x="1736" y="556"/>
                </a:cubicBezTo>
                <a:cubicBezTo>
                  <a:pt x="1774" y="556"/>
                  <a:pt x="1809" y="512"/>
                  <a:pt x="1824" y="483"/>
                </a:cubicBezTo>
                <a:cubicBezTo>
                  <a:pt x="1405" y="483"/>
                  <a:pt x="1405" y="483"/>
                  <a:pt x="1405" y="483"/>
                </a:cubicBezTo>
                <a:cubicBezTo>
                  <a:pt x="1384" y="480"/>
                  <a:pt x="1384" y="461"/>
                  <a:pt x="1405" y="460"/>
                </a:cubicBezTo>
                <a:cubicBezTo>
                  <a:pt x="1831" y="460"/>
                  <a:pt x="1831" y="460"/>
                  <a:pt x="1831" y="460"/>
                </a:cubicBezTo>
                <a:cubicBezTo>
                  <a:pt x="1865" y="460"/>
                  <a:pt x="1897" y="425"/>
                  <a:pt x="1920" y="388"/>
                </a:cubicBezTo>
                <a:moveTo>
                  <a:pt x="1245" y="1200"/>
                </a:moveTo>
                <a:cubicBezTo>
                  <a:pt x="1437" y="819"/>
                  <a:pt x="1437" y="819"/>
                  <a:pt x="1437" y="819"/>
                </a:cubicBezTo>
                <a:cubicBezTo>
                  <a:pt x="1563" y="819"/>
                  <a:pt x="1563" y="819"/>
                  <a:pt x="1563" y="819"/>
                </a:cubicBezTo>
                <a:cubicBezTo>
                  <a:pt x="1643" y="1200"/>
                  <a:pt x="1643" y="1200"/>
                  <a:pt x="1643" y="1200"/>
                </a:cubicBezTo>
                <a:cubicBezTo>
                  <a:pt x="1523" y="1200"/>
                  <a:pt x="1523" y="1200"/>
                  <a:pt x="1523" y="1200"/>
                </a:cubicBezTo>
                <a:cubicBezTo>
                  <a:pt x="1518" y="1155"/>
                  <a:pt x="1518" y="1155"/>
                  <a:pt x="1518" y="1155"/>
                </a:cubicBezTo>
                <a:cubicBezTo>
                  <a:pt x="1392" y="1155"/>
                  <a:pt x="1392" y="1155"/>
                  <a:pt x="1392" y="1155"/>
                </a:cubicBezTo>
                <a:cubicBezTo>
                  <a:pt x="1371" y="1200"/>
                  <a:pt x="1371" y="1200"/>
                  <a:pt x="1371" y="1200"/>
                </a:cubicBezTo>
                <a:lnTo>
                  <a:pt x="1245" y="1200"/>
                </a:lnTo>
                <a:close/>
                <a:moveTo>
                  <a:pt x="1423" y="1075"/>
                </a:moveTo>
                <a:cubicBezTo>
                  <a:pt x="1504" y="1075"/>
                  <a:pt x="1504" y="1075"/>
                  <a:pt x="1504" y="1075"/>
                </a:cubicBezTo>
                <a:cubicBezTo>
                  <a:pt x="1483" y="936"/>
                  <a:pt x="1483" y="936"/>
                  <a:pt x="1483" y="936"/>
                </a:cubicBezTo>
                <a:lnTo>
                  <a:pt x="1423" y="1075"/>
                </a:lnTo>
                <a:close/>
                <a:moveTo>
                  <a:pt x="994" y="1200"/>
                </a:moveTo>
                <a:cubicBezTo>
                  <a:pt x="1038" y="914"/>
                  <a:pt x="1038" y="914"/>
                  <a:pt x="1038" y="914"/>
                </a:cubicBezTo>
                <a:cubicBezTo>
                  <a:pt x="927" y="914"/>
                  <a:pt x="927" y="914"/>
                  <a:pt x="927" y="914"/>
                </a:cubicBezTo>
                <a:cubicBezTo>
                  <a:pt x="946" y="817"/>
                  <a:pt x="946" y="817"/>
                  <a:pt x="946" y="817"/>
                </a:cubicBezTo>
                <a:cubicBezTo>
                  <a:pt x="1289" y="817"/>
                  <a:pt x="1289" y="817"/>
                  <a:pt x="1289" y="817"/>
                </a:cubicBezTo>
                <a:cubicBezTo>
                  <a:pt x="1269" y="914"/>
                  <a:pt x="1269" y="914"/>
                  <a:pt x="1269" y="914"/>
                </a:cubicBezTo>
                <a:cubicBezTo>
                  <a:pt x="1163" y="914"/>
                  <a:pt x="1163" y="914"/>
                  <a:pt x="1163" y="914"/>
                </a:cubicBezTo>
                <a:cubicBezTo>
                  <a:pt x="1120" y="1200"/>
                  <a:pt x="1120" y="1200"/>
                  <a:pt x="1120" y="1200"/>
                </a:cubicBezTo>
                <a:lnTo>
                  <a:pt x="994" y="1200"/>
                </a:lnTo>
                <a:close/>
                <a:moveTo>
                  <a:pt x="479" y="1200"/>
                </a:moveTo>
                <a:cubicBezTo>
                  <a:pt x="672" y="819"/>
                  <a:pt x="672" y="819"/>
                  <a:pt x="672" y="819"/>
                </a:cubicBezTo>
                <a:cubicBezTo>
                  <a:pt x="798" y="819"/>
                  <a:pt x="798" y="819"/>
                  <a:pt x="798" y="819"/>
                </a:cubicBezTo>
                <a:cubicBezTo>
                  <a:pt x="877" y="1200"/>
                  <a:pt x="877" y="1200"/>
                  <a:pt x="877" y="1200"/>
                </a:cubicBezTo>
                <a:cubicBezTo>
                  <a:pt x="759" y="1200"/>
                  <a:pt x="759" y="1200"/>
                  <a:pt x="759" y="1200"/>
                </a:cubicBezTo>
                <a:cubicBezTo>
                  <a:pt x="752" y="1155"/>
                  <a:pt x="752" y="1155"/>
                  <a:pt x="752" y="1155"/>
                </a:cubicBezTo>
                <a:cubicBezTo>
                  <a:pt x="626" y="1155"/>
                  <a:pt x="626" y="1155"/>
                  <a:pt x="626" y="1155"/>
                </a:cubicBezTo>
                <a:cubicBezTo>
                  <a:pt x="606" y="1200"/>
                  <a:pt x="606" y="1200"/>
                  <a:pt x="606" y="1200"/>
                </a:cubicBezTo>
                <a:lnTo>
                  <a:pt x="479" y="1200"/>
                </a:lnTo>
                <a:close/>
                <a:moveTo>
                  <a:pt x="657" y="1075"/>
                </a:moveTo>
                <a:cubicBezTo>
                  <a:pt x="739" y="1075"/>
                  <a:pt x="739" y="1075"/>
                  <a:pt x="739" y="1075"/>
                </a:cubicBezTo>
                <a:cubicBezTo>
                  <a:pt x="717" y="936"/>
                  <a:pt x="717" y="936"/>
                  <a:pt x="717" y="936"/>
                </a:cubicBezTo>
                <a:lnTo>
                  <a:pt x="657" y="1075"/>
                </a:lnTo>
                <a:close/>
                <a:moveTo>
                  <a:pt x="273" y="1200"/>
                </a:moveTo>
                <a:cubicBezTo>
                  <a:pt x="351" y="819"/>
                  <a:pt x="351" y="819"/>
                  <a:pt x="351" y="819"/>
                </a:cubicBezTo>
                <a:cubicBezTo>
                  <a:pt x="479" y="819"/>
                  <a:pt x="479" y="819"/>
                  <a:pt x="479" y="819"/>
                </a:cubicBezTo>
                <a:cubicBezTo>
                  <a:pt x="401" y="1200"/>
                  <a:pt x="401" y="1200"/>
                  <a:pt x="401" y="1200"/>
                </a:cubicBezTo>
                <a:lnTo>
                  <a:pt x="273" y="1200"/>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a:p>
        </p:txBody>
      </p:sp>
      <p:sp>
        <p:nvSpPr>
          <p:cNvPr id="9" name="Date Placeholder 8">
            <a:extLst>
              <a:ext uri="{FF2B5EF4-FFF2-40B4-BE49-F238E27FC236}">
                <a16:creationId xmlns:a16="http://schemas.microsoft.com/office/drawing/2014/main" id="{C8877799-5BE2-4BEB-8D62-4346F4548420}"/>
              </a:ext>
            </a:extLst>
          </p:cNvPr>
          <p:cNvSpPr>
            <a:spLocks noGrp="1"/>
          </p:cNvSpPr>
          <p:nvPr>
            <p:ph type="dt" sz="half" idx="14"/>
          </p:nvPr>
        </p:nvSpPr>
        <p:spPr/>
        <p:txBody>
          <a:bodyPr/>
          <a:lstStyle>
            <a:lvl1pPr>
              <a:defRPr>
                <a:solidFill>
                  <a:schemeClr val="bg1"/>
                </a:solidFill>
              </a:defRPr>
            </a:lvl1pPr>
          </a:lstStyle>
          <a:p>
            <a:fld id="{D8F5EBA1-C1C2-4F6F-970D-CFE4A81E1DB0}" type="datetime3">
              <a:rPr lang="en-US"/>
              <a:pPr/>
              <a:t>8 November 2023</a:t>
            </a:fld>
            <a:endParaRPr lang="en-US" dirty="0"/>
          </a:p>
        </p:txBody>
      </p:sp>
      <p:sp>
        <p:nvSpPr>
          <p:cNvPr id="10" name="Footer Placeholder 9">
            <a:extLst>
              <a:ext uri="{FF2B5EF4-FFF2-40B4-BE49-F238E27FC236}">
                <a16:creationId xmlns:a16="http://schemas.microsoft.com/office/drawing/2014/main" id="{A8EFA57A-9CCD-40CD-B5B2-8CEC13FFBF30}"/>
              </a:ext>
            </a:extLst>
          </p:cNvPr>
          <p:cNvSpPr>
            <a:spLocks noGrp="1"/>
          </p:cNvSpPr>
          <p:nvPr>
            <p:ph type="ftr" sz="quarter" idx="15"/>
          </p:nvPr>
        </p:nvSpPr>
        <p:spPr>
          <a:xfrm>
            <a:off x="955370" y="6162324"/>
            <a:ext cx="4950130" cy="365125"/>
          </a:xfrm>
        </p:spPr>
        <p:txBody>
          <a:bodyPr/>
          <a:lstStyle>
            <a:lvl1pPr>
              <a:defRPr>
                <a:solidFill>
                  <a:schemeClr val="accent1"/>
                </a:solidFill>
              </a:defRPr>
            </a:lvl1pPr>
          </a:lstStyle>
          <a:p>
            <a:endParaRPr lang="en-US" dirty="0"/>
          </a:p>
        </p:txBody>
      </p:sp>
      <p:sp>
        <p:nvSpPr>
          <p:cNvPr id="11" name="Slide Number Placeholder 10">
            <a:extLst>
              <a:ext uri="{FF2B5EF4-FFF2-40B4-BE49-F238E27FC236}">
                <a16:creationId xmlns:a16="http://schemas.microsoft.com/office/drawing/2014/main" id="{37A8C5AF-CF06-4298-8D3D-4664B9CBEBDA}"/>
              </a:ext>
            </a:extLst>
          </p:cNvPr>
          <p:cNvSpPr>
            <a:spLocks noGrp="1"/>
          </p:cNvSpPr>
          <p:nvPr>
            <p:ph type="sldNum" sz="quarter" idx="16"/>
          </p:nvPr>
        </p:nvSpPr>
        <p:spPr/>
        <p:txBody>
          <a:bodyPr/>
          <a:lstStyle>
            <a:lvl1pPr>
              <a:defRPr>
                <a:solidFill>
                  <a:schemeClr val="accent1"/>
                </a:solidFill>
              </a:defRPr>
            </a:lvl1pPr>
          </a:lstStyle>
          <a:p>
            <a:fld id="{1A9E565A-6679-4A67-8FB7-14EA342FD6E1}" type="slidenum">
              <a:rPr lang="en-US"/>
              <a:pPr/>
              <a:t>‹#›</a:t>
            </a:fld>
            <a:endParaRPr lang="en-US" dirty="0"/>
          </a:p>
        </p:txBody>
      </p:sp>
    </p:spTree>
    <p:extLst>
      <p:ext uri="{BB962C8B-B14F-4D97-AF65-F5344CB8AC3E}">
        <p14:creationId xmlns:p14="http://schemas.microsoft.com/office/powerpoint/2010/main" val="1917663492"/>
      </p:ext>
    </p:extLst>
  </p:cSld>
  <p:clrMapOvr>
    <a:masterClrMapping/>
  </p:clrMapOvr>
  <p:transition>
    <p:fade/>
  </p:transition>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5" Type="http://schemas.openxmlformats.org/officeDocument/2006/relationships/slideLayout" Target="../slideLayouts/slideLayout5.xml"/><Relationship Id="rId4" Type="http://schemas.openxmlformats.org/officeDocument/2006/relationships/slideLayout" Target="../slideLayouts/slideLayout4.xml"/><Relationship Id="rId9"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B71DE7C4-EADF-49A5-94C9-295DA7102A36}"/>
              </a:ext>
            </a:extLst>
          </p:cNvPr>
          <p:cNvSpPr>
            <a:spLocks noGrp="1"/>
          </p:cNvSpPr>
          <p:nvPr>
            <p:ph type="title"/>
          </p:nvPr>
        </p:nvSpPr>
        <p:spPr>
          <a:xfrm>
            <a:off x="381000" y="365125"/>
            <a:ext cx="11429324" cy="609398"/>
          </a:xfrm>
          <a:prstGeom prst="rect">
            <a:avLst/>
          </a:prstGeom>
        </p:spPr>
        <p:txBody>
          <a:bodyPr vert="horz" lIns="0" tIns="0" rIns="0" bIns="0" rtlCol="0" anchor="t" anchorCtr="0">
            <a:noAutofit/>
          </a:bodyPr>
          <a:lstStyle/>
          <a:p>
            <a:r>
              <a:rPr lang="en-US"/>
              <a:t>Click to edit Master title style</a:t>
            </a:r>
            <a:endParaRPr lang="en-US" dirty="0"/>
          </a:p>
        </p:txBody>
      </p:sp>
      <p:sp>
        <p:nvSpPr>
          <p:cNvPr id="3" name="Text Placeholder 2">
            <a:extLst>
              <a:ext uri="{FF2B5EF4-FFF2-40B4-BE49-F238E27FC236}">
                <a16:creationId xmlns:a16="http://schemas.microsoft.com/office/drawing/2014/main" id="{6015A1F1-8128-4C7E-90C2-0A9DA95A353A}"/>
              </a:ext>
            </a:extLst>
          </p:cNvPr>
          <p:cNvSpPr>
            <a:spLocks noGrp="1"/>
          </p:cNvSpPr>
          <p:nvPr>
            <p:ph type="body" idx="1"/>
          </p:nvPr>
        </p:nvSpPr>
        <p:spPr>
          <a:xfrm>
            <a:off x="380999" y="1485900"/>
            <a:ext cx="11429325" cy="4267200"/>
          </a:xfrm>
          <a:prstGeom prst="rect">
            <a:avLst/>
          </a:prstGeom>
        </p:spPr>
        <p:txBody>
          <a:bodyPr vert="horz" lIns="0" tIns="0" rIns="0" bIns="0" rtlCol="0">
            <a:no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a:extLst>
              <a:ext uri="{FF2B5EF4-FFF2-40B4-BE49-F238E27FC236}">
                <a16:creationId xmlns:a16="http://schemas.microsoft.com/office/drawing/2014/main" id="{0B5D38B6-3878-4DD8-B8F9-92C491ABF8F5}"/>
              </a:ext>
            </a:extLst>
          </p:cNvPr>
          <p:cNvSpPr>
            <a:spLocks noGrp="1"/>
          </p:cNvSpPr>
          <p:nvPr>
            <p:ph type="dt" sz="half" idx="2"/>
          </p:nvPr>
        </p:nvSpPr>
        <p:spPr>
          <a:xfrm>
            <a:off x="6286500" y="6162324"/>
            <a:ext cx="2743200" cy="365125"/>
          </a:xfrm>
          <a:prstGeom prst="rect">
            <a:avLst/>
          </a:prstGeom>
        </p:spPr>
        <p:txBody>
          <a:bodyPr vert="horz" lIns="0" tIns="0" rIns="0" bIns="0" rtlCol="0" anchor="b" anchorCtr="0"/>
          <a:lstStyle>
            <a:lvl1pPr algn="l">
              <a:defRPr sz="1400">
                <a:solidFill>
                  <a:schemeClr val="accent1"/>
                </a:solidFill>
              </a:defRPr>
            </a:lvl1pPr>
          </a:lstStyle>
          <a:p>
            <a:fld id="{D8F5EBA1-C1C2-4F6F-970D-CFE4A81E1DB0}" type="datetime3">
              <a:rPr lang="en-US" smtClean="0"/>
              <a:pPr/>
              <a:t>8 November 2023</a:t>
            </a:fld>
            <a:endParaRPr lang="en-US" dirty="0"/>
          </a:p>
        </p:txBody>
      </p:sp>
      <p:sp>
        <p:nvSpPr>
          <p:cNvPr id="5" name="Footer Placeholder 4">
            <a:extLst>
              <a:ext uri="{FF2B5EF4-FFF2-40B4-BE49-F238E27FC236}">
                <a16:creationId xmlns:a16="http://schemas.microsoft.com/office/drawing/2014/main" id="{77054503-8F56-486A-BEEB-415EA4A643B4}"/>
              </a:ext>
            </a:extLst>
          </p:cNvPr>
          <p:cNvSpPr>
            <a:spLocks noGrp="1"/>
          </p:cNvSpPr>
          <p:nvPr>
            <p:ph type="ftr" sz="quarter" idx="3"/>
          </p:nvPr>
        </p:nvSpPr>
        <p:spPr>
          <a:xfrm>
            <a:off x="955370" y="6162324"/>
            <a:ext cx="4950130" cy="365125"/>
          </a:xfrm>
          <a:prstGeom prst="rect">
            <a:avLst/>
          </a:prstGeom>
        </p:spPr>
        <p:txBody>
          <a:bodyPr vert="horz" lIns="0" tIns="0" rIns="0" bIns="0" rtlCol="0" anchor="b" anchorCtr="0"/>
          <a:lstStyle>
            <a:lvl1pPr algn="l">
              <a:defRPr sz="1400">
                <a:solidFill>
                  <a:schemeClr val="accent1"/>
                </a:solidFill>
              </a:defRPr>
            </a:lvl1pPr>
          </a:lstStyle>
          <a:p>
            <a:endParaRPr lang="en-US" dirty="0"/>
          </a:p>
        </p:txBody>
      </p:sp>
      <p:sp>
        <p:nvSpPr>
          <p:cNvPr id="6" name="Slide Number Placeholder 5">
            <a:extLst>
              <a:ext uri="{FF2B5EF4-FFF2-40B4-BE49-F238E27FC236}">
                <a16:creationId xmlns:a16="http://schemas.microsoft.com/office/drawing/2014/main" id="{CC259C21-CE9A-4D3A-AB80-ABF8F4D8A7F2}"/>
              </a:ext>
            </a:extLst>
          </p:cNvPr>
          <p:cNvSpPr>
            <a:spLocks noGrp="1"/>
          </p:cNvSpPr>
          <p:nvPr>
            <p:ph type="sldNum" sz="quarter" idx="4"/>
          </p:nvPr>
        </p:nvSpPr>
        <p:spPr>
          <a:xfrm>
            <a:off x="381000" y="6162324"/>
            <a:ext cx="457200" cy="365125"/>
          </a:xfrm>
          <a:prstGeom prst="rect">
            <a:avLst/>
          </a:prstGeom>
        </p:spPr>
        <p:txBody>
          <a:bodyPr vert="horz" lIns="0" tIns="0" rIns="0" bIns="0" rtlCol="0" anchor="b" anchorCtr="0"/>
          <a:lstStyle>
            <a:lvl1pPr algn="l">
              <a:defRPr sz="1400">
                <a:solidFill>
                  <a:schemeClr val="accent1"/>
                </a:solidFill>
              </a:defRPr>
            </a:lvl1pPr>
          </a:lstStyle>
          <a:p>
            <a:fld id="{1A9E565A-6679-4A67-8FB7-14EA342FD6E1}" type="slidenum">
              <a:rPr lang="en-US" smtClean="0"/>
              <a:pPr/>
              <a:t>‹#›</a:t>
            </a:fld>
            <a:endParaRPr lang="en-US" dirty="0"/>
          </a:p>
        </p:txBody>
      </p:sp>
    </p:spTree>
    <p:extLst>
      <p:ext uri="{BB962C8B-B14F-4D97-AF65-F5344CB8AC3E}">
        <p14:creationId xmlns:p14="http://schemas.microsoft.com/office/powerpoint/2010/main" val="3232202241"/>
      </p:ext>
    </p:extLst>
  </p:cSld>
  <p:clrMap bg1="lt1" tx1="dk1" bg2="lt2" tx2="dk2" accent1="accent1" accent2="accent2" accent3="accent3" accent4="accent4" accent5="accent5" accent6="accent6" hlink="hlink" folHlink="folHlink"/>
  <p:sldLayoutIdLst>
    <p:sldLayoutId id="2147483899" r:id="rId1"/>
    <p:sldLayoutId id="2147483650" r:id="rId2"/>
    <p:sldLayoutId id="2147483652" r:id="rId3"/>
    <p:sldLayoutId id="2147483654" r:id="rId4"/>
    <p:sldLayoutId id="2147483655" r:id="rId5"/>
    <p:sldLayoutId id="2147483791" r:id="rId6"/>
    <p:sldLayoutId id="2147483900" r:id="rId7"/>
    <p:sldLayoutId id="2147483910" r:id="rId8"/>
  </p:sldLayoutIdLst>
  <p:transition>
    <p:fade/>
  </p:transition>
  <p:hf hdr="0"/>
  <p:txStyles>
    <p:titleStyle>
      <a:lvl1pPr algn="l" defTabSz="914400" rtl="0" eaLnBrk="1" latinLnBrk="0" hangingPunct="1">
        <a:lnSpc>
          <a:spcPct val="90000"/>
        </a:lnSpc>
        <a:spcBef>
          <a:spcPct val="0"/>
        </a:spcBef>
        <a:buNone/>
        <a:defRPr sz="4400" kern="1200">
          <a:solidFill>
            <a:schemeClr val="accent1"/>
          </a:solidFill>
          <a:latin typeface="+mn-lt"/>
          <a:ea typeface="+mj-ea"/>
          <a:cs typeface="+mj-cs"/>
        </a:defRPr>
      </a:lvl1pPr>
    </p:titleStyle>
    <p:bodyStyle>
      <a:lvl1pPr marL="0" indent="0" algn="l" defTabSz="914400" rtl="0" eaLnBrk="1" latinLnBrk="0" hangingPunct="1">
        <a:lnSpc>
          <a:spcPct val="90000"/>
        </a:lnSpc>
        <a:spcBef>
          <a:spcPts val="1000"/>
        </a:spcBef>
        <a:buFont typeface="Arial" panose="020B0604020202020204" pitchFamily="34" charset="0"/>
        <a:buNone/>
        <a:defRPr sz="2600" kern="1200">
          <a:solidFill>
            <a:schemeClr val="tx1"/>
          </a:solidFill>
          <a:latin typeface="+mn-lt"/>
          <a:ea typeface="+mn-ea"/>
          <a:cs typeface="+mn-cs"/>
        </a:defRPr>
      </a:lvl1pPr>
      <a:lvl2pPr marL="51435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798513" indent="-228600" algn="l" defTabSz="914400" rtl="0" eaLnBrk="1" latinLnBrk="0" hangingPunct="1">
        <a:lnSpc>
          <a:spcPct val="90000"/>
        </a:lnSpc>
        <a:spcBef>
          <a:spcPts val="500"/>
        </a:spcBef>
        <a:buFont typeface="Aktiv Grotesk Medium" panose="020B0504020202020204" pitchFamily="34" charset="0"/>
        <a:buChar char="–"/>
        <a:defRPr sz="2400" kern="1200">
          <a:solidFill>
            <a:schemeClr val="tx1"/>
          </a:solidFill>
          <a:latin typeface="+mn-lt"/>
          <a:ea typeface="+mn-ea"/>
          <a:cs typeface="+mn-cs"/>
        </a:defRPr>
      </a:lvl3pPr>
      <a:lvl4pPr marL="1201738" indent="-228600" algn="l" defTabSz="914400" rtl="0" eaLnBrk="1" latinLnBrk="0" hangingPunct="1">
        <a:lnSpc>
          <a:spcPct val="90000"/>
        </a:lnSpc>
        <a:spcBef>
          <a:spcPts val="500"/>
        </a:spcBef>
        <a:buFont typeface="Aktiv Grotesk Medium" panose="020B0504020202020204" pitchFamily="34" charset="0"/>
        <a:buChar char="▪"/>
        <a:defRPr sz="2400" kern="1200">
          <a:solidFill>
            <a:schemeClr val="tx1"/>
          </a:solidFill>
          <a:latin typeface="+mn-lt"/>
          <a:ea typeface="+mn-ea"/>
          <a:cs typeface="+mn-cs"/>
        </a:defRPr>
      </a:lvl4pPr>
      <a:lvl5pPr marL="0" indent="0" algn="l" defTabSz="914400" rtl="0" eaLnBrk="1" latinLnBrk="0" hangingPunct="1">
        <a:lnSpc>
          <a:spcPct val="90000"/>
        </a:lnSpc>
        <a:spcBef>
          <a:spcPts val="500"/>
        </a:spcBef>
        <a:buFont typeface="Arial" panose="020B0604020202020204" pitchFamily="34" charset="0"/>
        <a:buNone/>
        <a:defRPr sz="2400" kern="1200">
          <a:solidFill>
            <a:schemeClr val="accent1"/>
          </a:solidFill>
          <a:latin typeface="+mj-lt"/>
          <a:ea typeface="+mn-ea"/>
          <a:cs typeface="+mn-cs"/>
        </a:defRPr>
      </a:lvl5pPr>
      <a:lvl6pPr marL="0" indent="0" algn="l" defTabSz="914400" rtl="0" eaLnBrk="1" latinLnBrk="0" hangingPunct="1">
        <a:lnSpc>
          <a:spcPct val="90000"/>
        </a:lnSpc>
        <a:spcBef>
          <a:spcPts val="500"/>
        </a:spcBef>
        <a:buFont typeface="Arial" panose="020B0604020202020204" pitchFamily="34" charset="0"/>
        <a:buNone/>
        <a:defRPr sz="2400" kern="1200">
          <a:solidFill>
            <a:schemeClr val="accent1"/>
          </a:solidFill>
          <a:latin typeface="+mj-lt"/>
          <a:ea typeface="+mn-ea"/>
          <a:cs typeface="+mn-cs"/>
        </a:defRPr>
      </a:lvl6pPr>
      <a:lvl7pPr marL="0" indent="0" algn="l" defTabSz="914400" rtl="0" eaLnBrk="1" latinLnBrk="0" hangingPunct="1">
        <a:lnSpc>
          <a:spcPct val="90000"/>
        </a:lnSpc>
        <a:spcBef>
          <a:spcPts val="500"/>
        </a:spcBef>
        <a:buFont typeface="Arial" panose="020B0604020202020204" pitchFamily="34" charset="0"/>
        <a:buNone/>
        <a:defRPr sz="2400" kern="1200">
          <a:solidFill>
            <a:schemeClr val="accent1"/>
          </a:solidFill>
          <a:latin typeface="+mj-lt"/>
          <a:ea typeface="+mn-ea"/>
          <a:cs typeface="+mn-cs"/>
        </a:defRPr>
      </a:lvl7pPr>
      <a:lvl8pPr marL="0" indent="0" algn="l" defTabSz="914400" rtl="0" eaLnBrk="1" latinLnBrk="0" hangingPunct="1">
        <a:lnSpc>
          <a:spcPct val="90000"/>
        </a:lnSpc>
        <a:spcBef>
          <a:spcPts val="500"/>
        </a:spcBef>
        <a:buFont typeface="Arial" panose="020B0604020202020204" pitchFamily="34" charset="0"/>
        <a:buNone/>
        <a:defRPr sz="2400" kern="1200">
          <a:solidFill>
            <a:schemeClr val="accent1"/>
          </a:solidFill>
          <a:latin typeface="+mj-lt"/>
          <a:ea typeface="+mn-ea"/>
          <a:cs typeface="+mn-cs"/>
        </a:defRPr>
      </a:lvl8pPr>
      <a:lvl9pPr marL="0" indent="0" algn="l" defTabSz="914400" rtl="0" eaLnBrk="1" latinLnBrk="0" hangingPunct="1">
        <a:lnSpc>
          <a:spcPct val="90000"/>
        </a:lnSpc>
        <a:spcBef>
          <a:spcPts val="500"/>
        </a:spcBef>
        <a:buFont typeface="Arial" panose="020B0604020202020204" pitchFamily="34" charset="0"/>
        <a:buNone/>
        <a:defRPr sz="2400" kern="1200">
          <a:solidFill>
            <a:schemeClr val="accent1"/>
          </a:solidFill>
          <a:latin typeface="+mj-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160" userDrawn="1">
          <p15:clr>
            <a:srgbClr val="F26B43"/>
          </p15:clr>
        </p15:guide>
        <p15:guide id="2" pos="3840" userDrawn="1">
          <p15:clr>
            <a:srgbClr val="F26B43"/>
          </p15:clr>
        </p15:guide>
        <p15:guide id="3" orient="horz" pos="240" userDrawn="1">
          <p15:clr>
            <a:srgbClr val="5ACBF0"/>
          </p15:clr>
        </p15:guide>
        <p15:guide id="4" pos="240" userDrawn="1">
          <p15:clr>
            <a:srgbClr val="5ACBF0"/>
          </p15:clr>
        </p15:guide>
        <p15:guide id="5" pos="7440" userDrawn="1">
          <p15:clr>
            <a:srgbClr val="5ACBF0"/>
          </p15:clr>
        </p15:guide>
        <p15:guide id="6" pos="3720" userDrawn="1">
          <p15:clr>
            <a:srgbClr val="5ACBF0"/>
          </p15:clr>
        </p15:guide>
        <p15:guide id="7" pos="3960" userDrawn="1">
          <p15:clr>
            <a:srgbClr val="5ACBF0"/>
          </p15:clr>
        </p15:guide>
        <p15:guide id="8" orient="horz" pos="528" userDrawn="1">
          <p15:clr>
            <a:srgbClr val="5ACBF0"/>
          </p15:clr>
        </p15:guide>
        <p15:guide id="9" orient="horz" pos="936" userDrawn="1">
          <p15:clr>
            <a:srgbClr val="5ACBF0"/>
          </p15:clr>
        </p15:guide>
        <p15:guide id="10" orient="horz" pos="3624" userDrawn="1">
          <p15:clr>
            <a:srgbClr val="5ACBF0"/>
          </p15:clr>
        </p15:guide>
        <p15:guide id="11" orient="horz" pos="4080" userDrawn="1">
          <p15:clr>
            <a:srgbClr val="5ACBF0"/>
          </p15:clr>
        </p15:guide>
        <p15:guide id="12" orient="horz" pos="1200" userDrawn="1">
          <p15:clr>
            <a:srgbClr val="5ACBF0"/>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7.xml"/><Relationship Id="rId1" Type="http://schemas.openxmlformats.org/officeDocument/2006/relationships/tags" Target="../tags/tag1.xml"/><Relationship Id="rId4" Type="http://schemas.openxmlformats.org/officeDocument/2006/relationships/image" Target="../media/image1.jpeg"/></Relationships>
</file>

<file path=ppt/slides/_rels/slide10.xml.rels><?xml version="1.0" encoding="UTF-8" standalone="yes"?>
<Relationships xmlns="http://schemas.openxmlformats.org/package/2006/relationships"><Relationship Id="rId8" Type="http://schemas.microsoft.com/office/2007/relationships/diagramDrawing" Target="../diagrams/drawing3.xml"/><Relationship Id="rId3" Type="http://schemas.openxmlformats.org/officeDocument/2006/relationships/image" Target="../media/image13.jpg"/><Relationship Id="rId7" Type="http://schemas.openxmlformats.org/officeDocument/2006/relationships/diagramColors" Target="../diagrams/colors3.xml"/><Relationship Id="rId2" Type="http://schemas.openxmlformats.org/officeDocument/2006/relationships/notesSlide" Target="../notesSlides/notesSlide7.xml"/><Relationship Id="rId1" Type="http://schemas.openxmlformats.org/officeDocument/2006/relationships/slideLayout" Target="../slideLayouts/slideLayout4.xml"/><Relationship Id="rId6" Type="http://schemas.openxmlformats.org/officeDocument/2006/relationships/diagramQuickStyle" Target="../diagrams/quickStyle3.xml"/><Relationship Id="rId5" Type="http://schemas.openxmlformats.org/officeDocument/2006/relationships/diagramLayout" Target="../diagrams/layout3.xml"/><Relationship Id="rId4" Type="http://schemas.openxmlformats.org/officeDocument/2006/relationships/diagramData" Target="../diagrams/data3.xml"/></Relationships>
</file>

<file path=ppt/slides/_rels/slide11.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notesSlide" Target="../notesSlides/notesSlide8.xml"/><Relationship Id="rId1" Type="http://schemas.openxmlformats.org/officeDocument/2006/relationships/slideLayout" Target="../slideLayouts/slideLayout4.xml"/><Relationship Id="rId5" Type="http://schemas.openxmlformats.org/officeDocument/2006/relationships/image" Target="../media/image16.png"/><Relationship Id="rId4" Type="http://schemas.openxmlformats.org/officeDocument/2006/relationships/image" Target="../media/image15.png"/></Relationships>
</file>

<file path=ppt/slides/_rels/slide12.xml.rels><?xml version="1.0" encoding="UTF-8" standalone="yes"?>
<Relationships xmlns="http://schemas.openxmlformats.org/package/2006/relationships"><Relationship Id="rId3" Type="http://schemas.openxmlformats.org/officeDocument/2006/relationships/image" Target="../media/image17.emf"/><Relationship Id="rId2" Type="http://schemas.openxmlformats.org/officeDocument/2006/relationships/notesSlide" Target="../notesSlides/notesSlide9.xml"/><Relationship Id="rId1" Type="http://schemas.openxmlformats.org/officeDocument/2006/relationships/slideLayout" Target="../slideLayouts/slideLayout4.xml"/></Relationships>
</file>

<file path=ppt/slides/_rels/slide13.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slideLayout" Target="../slideLayouts/slideLayout8.xml"/><Relationship Id="rId1" Type="http://schemas.openxmlformats.org/officeDocument/2006/relationships/tags" Target="../tags/tag2.xml"/></Relationships>
</file>

<file path=ppt/slides/_rels/slide2.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Layout" Target="../slideLayouts/slideLayout3.xml"/></Relationships>
</file>

<file path=ppt/slides/_rels/slide3.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notesSlide" Target="../notesSlides/notesSlide2.xml"/><Relationship Id="rId1" Type="http://schemas.openxmlformats.org/officeDocument/2006/relationships/slideLayout" Target="../slideLayouts/slideLayout3.xml"/></Relationships>
</file>

<file path=ppt/slides/_rels/slide4.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3.xml"/><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3" Type="http://schemas.openxmlformats.org/officeDocument/2006/relationships/image" Target="../media/image5.jpeg"/><Relationship Id="rId7" Type="http://schemas.openxmlformats.org/officeDocument/2006/relationships/image" Target="../media/image9.jpeg"/><Relationship Id="rId2" Type="http://schemas.openxmlformats.org/officeDocument/2006/relationships/notesSlide" Target="../notesSlides/notesSlide4.xml"/><Relationship Id="rId1" Type="http://schemas.openxmlformats.org/officeDocument/2006/relationships/slideLayout" Target="../slideLayouts/slideLayout4.xml"/><Relationship Id="rId6" Type="http://schemas.openxmlformats.org/officeDocument/2006/relationships/image" Target="../media/image8.png"/><Relationship Id="rId5" Type="http://schemas.openxmlformats.org/officeDocument/2006/relationships/image" Target="../media/image7.wmf"/><Relationship Id="rId4" Type="http://schemas.openxmlformats.org/officeDocument/2006/relationships/image" Target="../media/image6.png"/></Relationships>
</file>

<file path=ppt/slides/_rels/slide6.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5.xml"/><Relationship Id="rId1" Type="http://schemas.openxmlformats.org/officeDocument/2006/relationships/slideLayout" Target="../slideLayouts/slideLayout4.xml"/></Relationships>
</file>

<file path=ppt/slides/_rels/slide7.xml.rels><?xml version="1.0" encoding="UTF-8" standalone="yes"?>
<Relationships xmlns="http://schemas.openxmlformats.org/package/2006/relationships"><Relationship Id="rId3" Type="http://schemas.openxmlformats.org/officeDocument/2006/relationships/image" Target="../media/image11.jpg"/><Relationship Id="rId2" Type="http://schemas.openxmlformats.org/officeDocument/2006/relationships/notesSlide" Target="../notesSlides/notesSlide6.xml"/><Relationship Id="rId1" Type="http://schemas.openxmlformats.org/officeDocument/2006/relationships/slideLayout" Target="../slideLayouts/slideLayout4.xml"/><Relationship Id="rId5" Type="http://schemas.openxmlformats.org/officeDocument/2006/relationships/image" Target="../media/image13.jpg"/><Relationship Id="rId4" Type="http://schemas.openxmlformats.org/officeDocument/2006/relationships/image" Target="../media/image12.jpg"/></Relationships>
</file>

<file path=ppt/slides/_rels/slide8.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image" Target="../media/image11.jpg"/><Relationship Id="rId1" Type="http://schemas.openxmlformats.org/officeDocument/2006/relationships/slideLayout" Target="../slideLayouts/slideLayout4.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9.xml.rels><?xml version="1.0" encoding="UTF-8" standalone="yes"?>
<Relationships xmlns="http://schemas.openxmlformats.org/package/2006/relationships"><Relationship Id="rId3" Type="http://schemas.openxmlformats.org/officeDocument/2006/relationships/diagramLayout" Target="../diagrams/layout2.xml"/><Relationship Id="rId7" Type="http://schemas.openxmlformats.org/officeDocument/2006/relationships/image" Target="../media/image12.jpg"/><Relationship Id="rId2" Type="http://schemas.openxmlformats.org/officeDocument/2006/relationships/diagramData" Target="../diagrams/data2.xml"/><Relationship Id="rId1" Type="http://schemas.openxmlformats.org/officeDocument/2006/relationships/slideLayout" Target="../slideLayouts/slideLayout4.xml"/><Relationship Id="rId6" Type="http://schemas.microsoft.com/office/2007/relationships/diagramDrawing" Target="../diagrams/drawing2.xml"/><Relationship Id="rId5" Type="http://schemas.openxmlformats.org/officeDocument/2006/relationships/diagramColors" Target="../diagrams/colors2.xml"/><Relationship Id="rId4" Type="http://schemas.openxmlformats.org/officeDocument/2006/relationships/diagramQuickStyle" Target="../diagrams/quickStyle2.xml"/></Relationships>
</file>

<file path=ppt/slides/slide1.xml><?xml version="1.0" encoding="utf-8"?>
<p:sld xmlns:a="http://schemas.openxmlformats.org/drawingml/2006/main" xmlns:r="http://schemas.openxmlformats.org/officeDocument/2006/relationships" xmlns:p="http://schemas.openxmlformats.org/presentationml/2006/main">
  <p:cSld>
    <p:bg>
      <p:bgPr>
        <a:blipFill dpi="0" rotWithShape="1">
          <a:blip r:embed="rId4">
            <a:lum/>
          </a:blip>
          <a:srcRect/>
          <a:stretch>
            <a:fillRect t="-9000" b="-9000"/>
          </a:stretch>
        </a:blip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09F97A2-B437-44C6-9B51-EC266D65E8F7}"/>
              </a:ext>
            </a:extLst>
          </p:cNvPr>
          <p:cNvSpPr>
            <a:spLocks noGrp="1"/>
          </p:cNvSpPr>
          <p:nvPr>
            <p:ph type="ctrTitle"/>
          </p:nvPr>
        </p:nvSpPr>
        <p:spPr>
          <a:xfrm>
            <a:off x="381000" y="1485900"/>
            <a:ext cx="6964680" cy="2387600"/>
          </a:xfrm>
        </p:spPr>
        <p:txBody>
          <a:bodyPr/>
          <a:lstStyle/>
          <a:p>
            <a:r>
              <a:rPr lang="es-ES" dirty="0"/>
              <a:t>Cadena de suministro para los SAF en Colombia</a:t>
            </a:r>
            <a:endParaRPr lang="es-419" dirty="0"/>
          </a:p>
        </p:txBody>
      </p:sp>
      <p:sp>
        <p:nvSpPr>
          <p:cNvPr id="3" name="Subtitle 2">
            <a:extLst>
              <a:ext uri="{FF2B5EF4-FFF2-40B4-BE49-F238E27FC236}">
                <a16:creationId xmlns:a16="http://schemas.microsoft.com/office/drawing/2014/main" id="{B5626344-1E81-4D26-B1F1-8D5F5EE86CA5}"/>
              </a:ext>
            </a:extLst>
          </p:cNvPr>
          <p:cNvSpPr>
            <a:spLocks noGrp="1"/>
          </p:cNvSpPr>
          <p:nvPr>
            <p:ph type="subTitle" idx="1"/>
          </p:nvPr>
        </p:nvSpPr>
        <p:spPr>
          <a:xfrm>
            <a:off x="381000" y="4874310"/>
            <a:ext cx="6591300" cy="1655762"/>
          </a:xfrm>
        </p:spPr>
        <p:txBody>
          <a:bodyPr/>
          <a:lstStyle/>
          <a:p>
            <a:pPr>
              <a:lnSpc>
                <a:spcPct val="100000"/>
              </a:lnSpc>
              <a:spcAft>
                <a:spcPts val="0"/>
              </a:spcAft>
            </a:pPr>
            <a:r>
              <a:rPr lang="en-GB" dirty="0"/>
              <a:t>Guilherme Goulart</a:t>
            </a:r>
          </a:p>
          <a:p>
            <a:pPr>
              <a:lnSpc>
                <a:spcPct val="100000"/>
              </a:lnSpc>
              <a:spcAft>
                <a:spcPts val="0"/>
              </a:spcAft>
            </a:pPr>
            <a:r>
              <a:rPr lang="en-GB" sz="2400" dirty="0"/>
              <a:t>Relationships Manager, Colombia</a:t>
            </a:r>
          </a:p>
        </p:txBody>
      </p:sp>
    </p:spTree>
    <p:custDataLst>
      <p:tags r:id="rId1"/>
    </p:custDataLst>
    <p:extLst>
      <p:ext uri="{BB962C8B-B14F-4D97-AF65-F5344CB8AC3E}">
        <p14:creationId xmlns:p14="http://schemas.microsoft.com/office/powerpoint/2010/main" val="3504462430"/>
      </p:ext>
    </p:extLst>
  </p:cSld>
  <p:clrMapOvr>
    <a:masterClrMapping/>
  </p:clrMapOvr>
  <p:transition>
    <p:fade/>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4">
            <a:extLst>
              <a:ext uri="{FF2B5EF4-FFF2-40B4-BE49-F238E27FC236}">
                <a16:creationId xmlns:a16="http://schemas.microsoft.com/office/drawing/2014/main" id="{FACE0581-D644-2B6D-9B5D-41E93514B4C4}"/>
              </a:ext>
            </a:extLst>
          </p:cNvPr>
          <p:cNvSpPr>
            <a:spLocks noGrp="1"/>
          </p:cNvSpPr>
          <p:nvPr>
            <p:ph type="sldNum" sz="quarter" idx="12"/>
          </p:nvPr>
        </p:nvSpPr>
        <p:spPr/>
        <p:txBody>
          <a:bodyPr/>
          <a:lstStyle/>
          <a:p>
            <a:fld id="{1A9E565A-6679-4A67-8FB7-14EA342FD6E1}" type="slidenum">
              <a:rPr lang="en-US" smtClean="0"/>
              <a:pPr/>
              <a:t>10</a:t>
            </a:fld>
            <a:endParaRPr lang="en-US"/>
          </a:p>
        </p:txBody>
      </p:sp>
      <p:sp>
        <p:nvSpPr>
          <p:cNvPr id="14" name="Title 1">
            <a:extLst>
              <a:ext uri="{FF2B5EF4-FFF2-40B4-BE49-F238E27FC236}">
                <a16:creationId xmlns:a16="http://schemas.microsoft.com/office/drawing/2014/main" id="{56E1EE0C-B6AC-4AF3-F9DB-92A57A1DF935}"/>
              </a:ext>
            </a:extLst>
          </p:cNvPr>
          <p:cNvSpPr>
            <a:spLocks noGrp="1"/>
          </p:cNvSpPr>
          <p:nvPr>
            <p:ph type="title"/>
          </p:nvPr>
        </p:nvSpPr>
        <p:spPr>
          <a:xfrm>
            <a:off x="381000" y="365125"/>
            <a:ext cx="11430000" cy="609600"/>
          </a:xfrm>
        </p:spPr>
        <p:txBody>
          <a:bodyPr/>
          <a:lstStyle/>
          <a:p>
            <a:r>
              <a:rPr lang="en-US" dirty="0"/>
              <a:t>Aeropuerto</a:t>
            </a:r>
          </a:p>
        </p:txBody>
      </p:sp>
      <p:sp>
        <p:nvSpPr>
          <p:cNvPr id="29" name="Date Placeholder 2">
            <a:extLst>
              <a:ext uri="{FF2B5EF4-FFF2-40B4-BE49-F238E27FC236}">
                <a16:creationId xmlns:a16="http://schemas.microsoft.com/office/drawing/2014/main" id="{6B3BCDCA-56EA-EBD8-4D00-18A64FC3AF8F}"/>
              </a:ext>
            </a:extLst>
          </p:cNvPr>
          <p:cNvSpPr>
            <a:spLocks noGrp="1"/>
          </p:cNvSpPr>
          <p:nvPr>
            <p:ph type="dt" sz="half" idx="10"/>
          </p:nvPr>
        </p:nvSpPr>
        <p:spPr>
          <a:xfrm>
            <a:off x="6286500" y="6162324"/>
            <a:ext cx="2743200" cy="365125"/>
          </a:xfrm>
        </p:spPr>
        <p:txBody>
          <a:bodyPr/>
          <a:lstStyle/>
          <a:p>
            <a:fld id="{F82CEB40-7C69-47E5-9106-E566935D3F53}" type="datetime3">
              <a:rPr lang="en-US" smtClean="0"/>
              <a:pPr/>
              <a:t>8 November 2023</a:t>
            </a:fld>
            <a:endParaRPr lang="en-US"/>
          </a:p>
        </p:txBody>
      </p:sp>
      <p:sp>
        <p:nvSpPr>
          <p:cNvPr id="30" name="Footer Placeholder 3">
            <a:extLst>
              <a:ext uri="{FF2B5EF4-FFF2-40B4-BE49-F238E27FC236}">
                <a16:creationId xmlns:a16="http://schemas.microsoft.com/office/drawing/2014/main" id="{73565C08-7B2C-10DC-5D44-821A0FB92923}"/>
              </a:ext>
            </a:extLst>
          </p:cNvPr>
          <p:cNvSpPr>
            <a:spLocks noGrp="1"/>
          </p:cNvSpPr>
          <p:nvPr>
            <p:ph type="ftr" sz="quarter" idx="11"/>
          </p:nvPr>
        </p:nvSpPr>
        <p:spPr>
          <a:xfrm>
            <a:off x="955370" y="6162324"/>
            <a:ext cx="4950130" cy="365125"/>
          </a:xfrm>
        </p:spPr>
        <p:txBody>
          <a:bodyPr/>
          <a:lstStyle/>
          <a:p>
            <a:r>
              <a:rPr lang="es-CO" dirty="0"/>
              <a:t>MESA TÉCNICA No. 2: Cadena de Suministro de Avión</a:t>
            </a:r>
          </a:p>
        </p:txBody>
      </p:sp>
      <p:pic>
        <p:nvPicPr>
          <p:cNvPr id="2" name="Picture 1" descr="Aerial view of parked airplane">
            <a:extLst>
              <a:ext uri="{FF2B5EF4-FFF2-40B4-BE49-F238E27FC236}">
                <a16:creationId xmlns:a16="http://schemas.microsoft.com/office/drawing/2014/main" id="{3A5BC4D5-59E0-98F9-B335-8973379D9B85}"/>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0603748" y="380694"/>
            <a:ext cx="1149033" cy="634136"/>
          </a:xfrm>
          <a:prstGeom prst="rect">
            <a:avLst/>
          </a:prstGeom>
        </p:spPr>
      </p:pic>
      <p:graphicFrame>
        <p:nvGraphicFramePr>
          <p:cNvPr id="3" name="Diagram 2">
            <a:extLst>
              <a:ext uri="{FF2B5EF4-FFF2-40B4-BE49-F238E27FC236}">
                <a16:creationId xmlns:a16="http://schemas.microsoft.com/office/drawing/2014/main" id="{9FE7378B-DB7F-481C-D7C2-DF9A51C5C0CA}"/>
              </a:ext>
            </a:extLst>
          </p:cNvPr>
          <p:cNvGraphicFramePr/>
          <p:nvPr>
            <p:extLst>
              <p:ext uri="{D42A27DB-BD31-4B8C-83A1-F6EECF244321}">
                <p14:modId xmlns:p14="http://schemas.microsoft.com/office/powerpoint/2010/main" val="800445493"/>
              </p:ext>
            </p:extLst>
          </p:nvPr>
        </p:nvGraphicFramePr>
        <p:xfrm>
          <a:off x="955370" y="1211956"/>
          <a:ext cx="10281590" cy="4878876"/>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
        <p:nvSpPr>
          <p:cNvPr id="4" name="Date Placeholder 2">
            <a:extLst>
              <a:ext uri="{FF2B5EF4-FFF2-40B4-BE49-F238E27FC236}">
                <a16:creationId xmlns:a16="http://schemas.microsoft.com/office/drawing/2014/main" id="{7A70869E-45DB-CB1A-2D78-E551D66011E9}"/>
              </a:ext>
            </a:extLst>
          </p:cNvPr>
          <p:cNvSpPr txBox="1">
            <a:spLocks/>
          </p:cNvSpPr>
          <p:nvPr/>
        </p:nvSpPr>
        <p:spPr>
          <a:xfrm>
            <a:off x="3047724" y="6022956"/>
            <a:ext cx="8130540" cy="278736"/>
          </a:xfrm>
          <a:prstGeom prst="rect">
            <a:avLst/>
          </a:prstGeom>
        </p:spPr>
        <p:txBody>
          <a:bodyPr vert="horz" lIns="0" tIns="0" rIns="0" bIns="0" rtlCol="0" anchor="b" anchorCtr="0"/>
          <a:lstStyle>
            <a:defPPr>
              <a:defRPr lang="en-US"/>
            </a:defPPr>
            <a:lvl1pPr marL="0" algn="l" defTabSz="914400" rtl="0" eaLnBrk="1" latinLnBrk="0" hangingPunct="1">
              <a:defRPr sz="1400" kern="1200">
                <a:solidFill>
                  <a:schemeClr val="accent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100" dirty="0"/>
              <a:t>Fuente: ACI / ATI – Integration of sustainable Aviation Fuels into the air transport system</a:t>
            </a:r>
          </a:p>
        </p:txBody>
      </p:sp>
    </p:spTree>
    <p:extLst>
      <p:ext uri="{BB962C8B-B14F-4D97-AF65-F5344CB8AC3E}">
        <p14:creationId xmlns:p14="http://schemas.microsoft.com/office/powerpoint/2010/main" val="2158951411"/>
      </p:ext>
    </p:extLst>
  </p:cSld>
  <p:clrMapOvr>
    <a:masterClrMapping/>
  </p:clrMapOvr>
  <p:transition>
    <p:fade/>
  </p:transition>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7F079F1-4573-8AEF-54DE-19CC6D66DFB9}"/>
              </a:ext>
            </a:extLst>
          </p:cNvPr>
          <p:cNvSpPr>
            <a:spLocks noGrp="1"/>
          </p:cNvSpPr>
          <p:nvPr>
            <p:ph type="title"/>
          </p:nvPr>
        </p:nvSpPr>
        <p:spPr/>
        <p:txBody>
          <a:bodyPr/>
          <a:lstStyle/>
          <a:p>
            <a:r>
              <a:rPr lang="es-ES" dirty="0"/>
              <a:t>Mecanismos de Cadena de Custodia (</a:t>
            </a:r>
            <a:r>
              <a:rPr lang="es-ES" dirty="0" err="1"/>
              <a:t>CoC</a:t>
            </a:r>
            <a:r>
              <a:rPr lang="es-ES" dirty="0"/>
              <a:t>)</a:t>
            </a:r>
            <a:endParaRPr lang="en-US" dirty="0"/>
          </a:p>
        </p:txBody>
      </p:sp>
      <p:sp>
        <p:nvSpPr>
          <p:cNvPr id="3" name="Date Placeholder 2">
            <a:extLst>
              <a:ext uri="{FF2B5EF4-FFF2-40B4-BE49-F238E27FC236}">
                <a16:creationId xmlns:a16="http://schemas.microsoft.com/office/drawing/2014/main" id="{5B9D5BAD-A377-D077-2CBD-584F3E25B844}"/>
              </a:ext>
            </a:extLst>
          </p:cNvPr>
          <p:cNvSpPr>
            <a:spLocks noGrp="1"/>
          </p:cNvSpPr>
          <p:nvPr>
            <p:ph type="dt" sz="half" idx="10"/>
          </p:nvPr>
        </p:nvSpPr>
        <p:spPr/>
        <p:txBody>
          <a:bodyPr/>
          <a:lstStyle/>
          <a:p>
            <a:fld id="{F82CEB40-7C69-47E5-9106-E566935D3F53}" type="datetime3">
              <a:rPr lang="en-US" smtClean="0"/>
              <a:pPr/>
              <a:t>8 November 2023</a:t>
            </a:fld>
            <a:endParaRPr lang="en-US" dirty="0"/>
          </a:p>
        </p:txBody>
      </p:sp>
      <p:sp>
        <p:nvSpPr>
          <p:cNvPr id="4" name="Footer Placeholder 3">
            <a:extLst>
              <a:ext uri="{FF2B5EF4-FFF2-40B4-BE49-F238E27FC236}">
                <a16:creationId xmlns:a16="http://schemas.microsoft.com/office/drawing/2014/main" id="{2964583D-2F71-A1F7-A0C5-3C83E289DCEA}"/>
              </a:ext>
            </a:extLst>
          </p:cNvPr>
          <p:cNvSpPr>
            <a:spLocks noGrp="1"/>
          </p:cNvSpPr>
          <p:nvPr>
            <p:ph type="ftr" sz="quarter" idx="11"/>
          </p:nvPr>
        </p:nvSpPr>
        <p:spPr/>
        <p:txBody>
          <a:bodyPr/>
          <a:lstStyle/>
          <a:p>
            <a:r>
              <a:rPr lang="es-CO" dirty="0"/>
              <a:t>MESA TÉCNICA No. 2: Cadena de Suministro de Avión</a:t>
            </a:r>
          </a:p>
        </p:txBody>
      </p:sp>
      <p:sp>
        <p:nvSpPr>
          <p:cNvPr id="5" name="Slide Number Placeholder 4">
            <a:extLst>
              <a:ext uri="{FF2B5EF4-FFF2-40B4-BE49-F238E27FC236}">
                <a16:creationId xmlns:a16="http://schemas.microsoft.com/office/drawing/2014/main" id="{3F82F3C7-4BBA-F26D-6E84-D0D39C03B44C}"/>
              </a:ext>
            </a:extLst>
          </p:cNvPr>
          <p:cNvSpPr>
            <a:spLocks noGrp="1"/>
          </p:cNvSpPr>
          <p:nvPr>
            <p:ph type="sldNum" sz="quarter" idx="12"/>
          </p:nvPr>
        </p:nvSpPr>
        <p:spPr/>
        <p:txBody>
          <a:bodyPr/>
          <a:lstStyle/>
          <a:p>
            <a:fld id="{1A9E565A-6679-4A67-8FB7-14EA342FD6E1}" type="slidenum">
              <a:rPr lang="en-US" smtClean="0"/>
              <a:pPr/>
              <a:t>11</a:t>
            </a:fld>
            <a:endParaRPr lang="en-US"/>
          </a:p>
        </p:txBody>
      </p:sp>
      <p:pic>
        <p:nvPicPr>
          <p:cNvPr id="1026" name="Picture 2" descr="graphic of Physical Segregation: Feedstock to Production to Alternaive Fuel to Transport to Blending to Airport Storage to Aircraft">
            <a:extLst>
              <a:ext uri="{FF2B5EF4-FFF2-40B4-BE49-F238E27FC236}">
                <a16:creationId xmlns:a16="http://schemas.microsoft.com/office/drawing/2014/main" id="{A7EC1776-9B38-E0D1-5FCF-EEDE1AE39758}"/>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85997" y="1258784"/>
            <a:ext cx="3200400" cy="2004081"/>
          </a:xfrm>
          <a:prstGeom prst="rect">
            <a:avLst/>
          </a:prstGeom>
          <a:noFill/>
          <a:extLst>
            <a:ext uri="{909E8E84-426E-40DD-AFC4-6F175D3DCCD1}">
              <a14:hiddenFill xmlns:a14="http://schemas.microsoft.com/office/drawing/2010/main">
                <a:solidFill>
                  <a:srgbClr val="FFFFFF"/>
                </a:solidFill>
              </a14:hiddenFill>
            </a:ext>
          </a:extLst>
        </p:spPr>
      </p:pic>
      <p:pic>
        <p:nvPicPr>
          <p:cNvPr id="1028" name="Picture 4" descr="graphic of Mass-Balance: conventional resource flow (Feedstock to Production to Conventional Fuel) and alternative resource flow (Feedstock to Production to Alternative Fuel) join together to create a mix of certified and non-certified (Transport to Blending to Airport Storage to Aircraft) ">
            <a:extLst>
              <a:ext uri="{FF2B5EF4-FFF2-40B4-BE49-F238E27FC236}">
                <a16:creationId xmlns:a16="http://schemas.microsoft.com/office/drawing/2014/main" id="{4839855A-4DF0-6299-8E2D-BB314066AC69}"/>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286993" y="1309034"/>
            <a:ext cx="3504308" cy="2002536"/>
          </a:xfrm>
          <a:prstGeom prst="rect">
            <a:avLst/>
          </a:prstGeom>
          <a:noFill/>
          <a:extLst>
            <a:ext uri="{909E8E84-426E-40DD-AFC4-6F175D3DCCD1}">
              <a14:hiddenFill xmlns:a14="http://schemas.microsoft.com/office/drawing/2010/main">
                <a:solidFill>
                  <a:srgbClr val="FFFFFF"/>
                </a:solidFill>
              </a14:hiddenFill>
            </a:ext>
          </a:extLst>
        </p:spPr>
      </p:pic>
      <p:pic>
        <p:nvPicPr>
          <p:cNvPr id="1030" name="Picture 6" descr="graphic of Book-and-Claim: Certified Alternative steps (Feedstock to Production to Alternative Fuel) are 'sustainability attributes decoupled from physical product (Transport to Blending to Airport Storage steps); usually conveyed to end-user (Aircraft)' ">
            <a:extLst>
              <a:ext uri="{FF2B5EF4-FFF2-40B4-BE49-F238E27FC236}">
                <a16:creationId xmlns:a16="http://schemas.microsoft.com/office/drawing/2014/main" id="{F120E08C-46F9-E37D-FEBD-F7B1725F3F32}"/>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8395360" y="1309034"/>
            <a:ext cx="3200400" cy="1932619"/>
          </a:xfrm>
          <a:prstGeom prst="rect">
            <a:avLst/>
          </a:prstGeom>
          <a:noFill/>
          <a:extLst>
            <a:ext uri="{909E8E84-426E-40DD-AFC4-6F175D3DCCD1}">
              <a14:hiddenFill xmlns:a14="http://schemas.microsoft.com/office/drawing/2010/main">
                <a:solidFill>
                  <a:srgbClr val="FFFFFF"/>
                </a:solidFill>
              </a14:hiddenFill>
            </a:ext>
          </a:extLst>
        </p:spPr>
      </p:pic>
      <p:sp>
        <p:nvSpPr>
          <p:cNvPr id="10" name="TextBox 9">
            <a:extLst>
              <a:ext uri="{FF2B5EF4-FFF2-40B4-BE49-F238E27FC236}">
                <a16:creationId xmlns:a16="http://schemas.microsoft.com/office/drawing/2014/main" id="{8F2AEE5E-01EF-654A-F8DF-0551B9A999C7}"/>
              </a:ext>
            </a:extLst>
          </p:cNvPr>
          <p:cNvSpPr txBox="1"/>
          <p:nvPr/>
        </p:nvSpPr>
        <p:spPr>
          <a:xfrm>
            <a:off x="285998" y="3592037"/>
            <a:ext cx="3200399" cy="1754326"/>
          </a:xfrm>
          <a:prstGeom prst="rect">
            <a:avLst/>
          </a:prstGeom>
          <a:noFill/>
        </p:spPr>
        <p:txBody>
          <a:bodyPr wrap="square">
            <a:spAutoFit/>
          </a:bodyPr>
          <a:lstStyle/>
          <a:p>
            <a:pPr algn="just"/>
            <a:r>
              <a:rPr lang="es-CO" sz="1200" dirty="0"/>
              <a:t>Los materiales o productos provienen de una única fuente y sus características especificadas se mantienen separadas de cualquier otra a lo largo de la cadena de suministro. Este es el caso cuando el SAF se suministra a los usuarios finales a través de una infraestructura dedicada, como se ha visto en vuelos de demostración específicos del SAF.</a:t>
            </a:r>
          </a:p>
        </p:txBody>
      </p:sp>
      <p:sp>
        <p:nvSpPr>
          <p:cNvPr id="12" name="TextBox 11">
            <a:extLst>
              <a:ext uri="{FF2B5EF4-FFF2-40B4-BE49-F238E27FC236}">
                <a16:creationId xmlns:a16="http://schemas.microsoft.com/office/drawing/2014/main" id="{88766B8B-901C-2546-B626-F65FC0CDF350}"/>
              </a:ext>
            </a:extLst>
          </p:cNvPr>
          <p:cNvSpPr txBox="1"/>
          <p:nvPr/>
        </p:nvSpPr>
        <p:spPr>
          <a:xfrm>
            <a:off x="4286994" y="3592037"/>
            <a:ext cx="3504308" cy="2123658"/>
          </a:xfrm>
          <a:prstGeom prst="rect">
            <a:avLst/>
          </a:prstGeom>
          <a:noFill/>
        </p:spPr>
        <p:txBody>
          <a:bodyPr wrap="square">
            <a:spAutoFit/>
          </a:bodyPr>
          <a:lstStyle/>
          <a:p>
            <a:pPr algn="just"/>
            <a:r>
              <a:rPr lang="es-CO" sz="1200" dirty="0"/>
              <a:t>Se trata del seguimiento de las entradas de SAF en cada etapa de la red de distribución de combustible de aviación, lo que requiere comprobaciones de documentación de la cantidad de SAF en cada cruce. Esto se utiliza comúnmente cuando el SAF se mezcla en una etapa avanzada de la cadena de suministro, especialmente en instalaciones de combustible existentes que son compartidas por múltiples proveedores de combustible en los aeropuertos.</a:t>
            </a:r>
          </a:p>
        </p:txBody>
      </p:sp>
      <p:sp>
        <p:nvSpPr>
          <p:cNvPr id="14" name="TextBox 13">
            <a:extLst>
              <a:ext uri="{FF2B5EF4-FFF2-40B4-BE49-F238E27FC236}">
                <a16:creationId xmlns:a16="http://schemas.microsoft.com/office/drawing/2014/main" id="{C7675C3E-0A2B-7FBD-6A7D-64D794D45E58}"/>
              </a:ext>
            </a:extLst>
          </p:cNvPr>
          <p:cNvSpPr txBox="1"/>
          <p:nvPr/>
        </p:nvSpPr>
        <p:spPr>
          <a:xfrm>
            <a:off x="8395361" y="3592037"/>
            <a:ext cx="3200400" cy="1384995"/>
          </a:xfrm>
          <a:prstGeom prst="rect">
            <a:avLst/>
          </a:prstGeom>
          <a:noFill/>
        </p:spPr>
        <p:txBody>
          <a:bodyPr wrap="square">
            <a:spAutoFit/>
          </a:bodyPr>
          <a:lstStyle/>
          <a:p>
            <a:pPr algn="just"/>
            <a:r>
              <a:rPr lang="es-CO" sz="1200" dirty="0"/>
              <a:t>Permite desacoplar los atributos ambientales del SAF de las moléculas físicas en la cadena de suministro y no requiere la absorción física de ninguna porción del SAF por parte del comprador, siempre que se pueda demostrar el uso del producto por otras aerolíneas.</a:t>
            </a:r>
          </a:p>
        </p:txBody>
      </p:sp>
    </p:spTree>
    <p:extLst>
      <p:ext uri="{BB962C8B-B14F-4D97-AF65-F5344CB8AC3E}">
        <p14:creationId xmlns:p14="http://schemas.microsoft.com/office/powerpoint/2010/main" val="402810536"/>
      </p:ext>
    </p:extLst>
  </p:cSld>
  <p:clrMapOvr>
    <a:masterClrMapping/>
  </p:clrMapOvr>
  <p:transition>
    <p:fade/>
  </p:transition>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7F079F1-4573-8AEF-54DE-19CC6D66DFB9}"/>
              </a:ext>
            </a:extLst>
          </p:cNvPr>
          <p:cNvSpPr>
            <a:spLocks noGrp="1"/>
          </p:cNvSpPr>
          <p:nvPr>
            <p:ph type="title"/>
          </p:nvPr>
        </p:nvSpPr>
        <p:spPr/>
        <p:txBody>
          <a:bodyPr/>
          <a:lstStyle/>
          <a:p>
            <a:r>
              <a:rPr lang="es-CO" dirty="0"/>
              <a:t>Marco contable para los SAF</a:t>
            </a:r>
          </a:p>
        </p:txBody>
      </p:sp>
      <p:sp>
        <p:nvSpPr>
          <p:cNvPr id="3" name="Date Placeholder 2">
            <a:extLst>
              <a:ext uri="{FF2B5EF4-FFF2-40B4-BE49-F238E27FC236}">
                <a16:creationId xmlns:a16="http://schemas.microsoft.com/office/drawing/2014/main" id="{5B9D5BAD-A377-D077-2CBD-584F3E25B844}"/>
              </a:ext>
            </a:extLst>
          </p:cNvPr>
          <p:cNvSpPr>
            <a:spLocks noGrp="1"/>
          </p:cNvSpPr>
          <p:nvPr>
            <p:ph type="dt" sz="half" idx="10"/>
          </p:nvPr>
        </p:nvSpPr>
        <p:spPr/>
        <p:txBody>
          <a:bodyPr/>
          <a:lstStyle/>
          <a:p>
            <a:fld id="{F82CEB40-7C69-47E5-9106-E566935D3F53}" type="datetime3">
              <a:rPr lang="en-US" smtClean="0"/>
              <a:pPr/>
              <a:t>8 November 2023</a:t>
            </a:fld>
            <a:endParaRPr lang="en-US" dirty="0"/>
          </a:p>
        </p:txBody>
      </p:sp>
      <p:sp>
        <p:nvSpPr>
          <p:cNvPr id="4" name="Footer Placeholder 3">
            <a:extLst>
              <a:ext uri="{FF2B5EF4-FFF2-40B4-BE49-F238E27FC236}">
                <a16:creationId xmlns:a16="http://schemas.microsoft.com/office/drawing/2014/main" id="{2964583D-2F71-A1F7-A0C5-3C83E289DCEA}"/>
              </a:ext>
            </a:extLst>
          </p:cNvPr>
          <p:cNvSpPr>
            <a:spLocks noGrp="1"/>
          </p:cNvSpPr>
          <p:nvPr>
            <p:ph type="ftr" sz="quarter" idx="11"/>
          </p:nvPr>
        </p:nvSpPr>
        <p:spPr/>
        <p:txBody>
          <a:bodyPr/>
          <a:lstStyle/>
          <a:p>
            <a:r>
              <a:rPr lang="es-CO" dirty="0"/>
              <a:t>MESA TÉCNICA No. 2: Cadena de Suministro de Avión</a:t>
            </a:r>
          </a:p>
        </p:txBody>
      </p:sp>
      <p:sp>
        <p:nvSpPr>
          <p:cNvPr id="5" name="Slide Number Placeholder 4">
            <a:extLst>
              <a:ext uri="{FF2B5EF4-FFF2-40B4-BE49-F238E27FC236}">
                <a16:creationId xmlns:a16="http://schemas.microsoft.com/office/drawing/2014/main" id="{3F82F3C7-4BBA-F26D-6E84-D0D39C03B44C}"/>
              </a:ext>
            </a:extLst>
          </p:cNvPr>
          <p:cNvSpPr>
            <a:spLocks noGrp="1"/>
          </p:cNvSpPr>
          <p:nvPr>
            <p:ph type="sldNum" sz="quarter" idx="12"/>
          </p:nvPr>
        </p:nvSpPr>
        <p:spPr/>
        <p:txBody>
          <a:bodyPr/>
          <a:lstStyle/>
          <a:p>
            <a:fld id="{1A9E565A-6679-4A67-8FB7-14EA342FD6E1}" type="slidenum">
              <a:rPr lang="en-US" smtClean="0"/>
              <a:pPr/>
              <a:t>12</a:t>
            </a:fld>
            <a:endParaRPr lang="en-US"/>
          </a:p>
        </p:txBody>
      </p:sp>
      <p:pic>
        <p:nvPicPr>
          <p:cNvPr id="7" name="Picture 6">
            <a:extLst>
              <a:ext uri="{FF2B5EF4-FFF2-40B4-BE49-F238E27FC236}">
                <a16:creationId xmlns:a16="http://schemas.microsoft.com/office/drawing/2014/main" id="{A27A46A2-9D17-0351-1382-BED37664A332}"/>
              </a:ext>
            </a:extLst>
          </p:cNvPr>
          <p:cNvPicPr>
            <a:picLocks noChangeAspect="1"/>
          </p:cNvPicPr>
          <p:nvPr/>
        </p:nvPicPr>
        <p:blipFill>
          <a:blip r:embed="rId3"/>
          <a:stretch>
            <a:fillRect/>
          </a:stretch>
        </p:blipFill>
        <p:spPr>
          <a:xfrm>
            <a:off x="381000" y="1112649"/>
            <a:ext cx="5524500" cy="4761940"/>
          </a:xfrm>
          <a:prstGeom prst="rect">
            <a:avLst/>
          </a:prstGeom>
        </p:spPr>
      </p:pic>
      <p:sp>
        <p:nvSpPr>
          <p:cNvPr id="9" name="TextBox 8">
            <a:extLst>
              <a:ext uri="{FF2B5EF4-FFF2-40B4-BE49-F238E27FC236}">
                <a16:creationId xmlns:a16="http://schemas.microsoft.com/office/drawing/2014/main" id="{F2D6E166-7FA0-7BB5-0F0D-C3225A9F26A4}"/>
              </a:ext>
            </a:extLst>
          </p:cNvPr>
          <p:cNvSpPr txBox="1"/>
          <p:nvPr/>
        </p:nvSpPr>
        <p:spPr>
          <a:xfrm>
            <a:off x="5905500" y="1466924"/>
            <a:ext cx="6097604" cy="3924151"/>
          </a:xfrm>
          <a:prstGeom prst="rect">
            <a:avLst/>
          </a:prstGeom>
          <a:noFill/>
        </p:spPr>
        <p:txBody>
          <a:bodyPr wrap="square">
            <a:spAutoFit/>
          </a:bodyPr>
          <a:lstStyle/>
          <a:p>
            <a:pPr marL="457200" indent="-457200" algn="just">
              <a:lnSpc>
                <a:spcPct val="90000"/>
              </a:lnSpc>
              <a:spcAft>
                <a:spcPts val="1200"/>
              </a:spcAft>
              <a:buFont typeface="Arial" panose="020B0604020202020204" pitchFamily="34" charset="0"/>
              <a:buChar char="•"/>
              <a:defRPr/>
            </a:pPr>
            <a:r>
              <a:rPr lang="es-CO" sz="1400" dirty="0"/>
              <a:t>Permitir y promover la producción de SAF donde sea más eficiente.</a:t>
            </a:r>
          </a:p>
          <a:p>
            <a:pPr marL="457200" indent="-457200" algn="just">
              <a:lnSpc>
                <a:spcPct val="90000"/>
              </a:lnSpc>
              <a:spcAft>
                <a:spcPts val="1200"/>
              </a:spcAft>
              <a:buFont typeface="Arial" panose="020B0604020202020204" pitchFamily="34" charset="0"/>
              <a:buChar char="•"/>
              <a:defRPr/>
            </a:pPr>
            <a:r>
              <a:rPr lang="es-CO" sz="1400" dirty="0"/>
              <a:t>Estimular la adopción de SAF donde la demanda no justificaría la producción local de SAF (es decir, especialmente en aeropuertos más pequeños y ubicaciones remotas), o donde el suministro físico es demasiado caro o está impedido de alguna otra manera.</a:t>
            </a:r>
          </a:p>
          <a:p>
            <a:pPr marL="457200" indent="-457200" algn="just">
              <a:lnSpc>
                <a:spcPct val="90000"/>
              </a:lnSpc>
              <a:spcAft>
                <a:spcPts val="1200"/>
              </a:spcAft>
              <a:buFont typeface="Arial" panose="020B0604020202020204" pitchFamily="34" charset="0"/>
              <a:buChar char="•"/>
              <a:defRPr/>
            </a:pPr>
            <a:r>
              <a:rPr lang="es-CO" sz="1400" dirty="0"/>
              <a:t>Minimizar los costes de logística, como el transporte y el uso de instalaciones de almacenamiento intermedio.</a:t>
            </a:r>
          </a:p>
          <a:p>
            <a:pPr marL="457200" indent="-457200" algn="just">
              <a:lnSpc>
                <a:spcPct val="90000"/>
              </a:lnSpc>
              <a:spcAft>
                <a:spcPts val="1200"/>
              </a:spcAft>
              <a:buFont typeface="Arial" panose="020B0604020202020204" pitchFamily="34" charset="0"/>
              <a:buChar char="•"/>
              <a:defRPr/>
            </a:pPr>
            <a:r>
              <a:rPr lang="es-CO" sz="1400" dirty="0"/>
              <a:t>Evitar agregar emisiones de GEI por el transporte de SAF.</a:t>
            </a:r>
          </a:p>
          <a:p>
            <a:pPr marL="457200" indent="-457200" algn="just">
              <a:lnSpc>
                <a:spcPct val="90000"/>
              </a:lnSpc>
              <a:spcAft>
                <a:spcPts val="1200"/>
              </a:spcAft>
              <a:buFont typeface="Arial" panose="020B0604020202020204" pitchFamily="34" charset="0"/>
              <a:buChar char="•"/>
              <a:defRPr/>
            </a:pPr>
            <a:r>
              <a:rPr lang="es-CO" sz="1400" dirty="0"/>
              <a:t>Ampliar la base de clientes en comparación con si se iguala físicamente la oferta y la demanda, proporcionando así una señal clara del mercado que favorece el aumento de la producción de SAF.</a:t>
            </a:r>
          </a:p>
          <a:p>
            <a:pPr marL="457200" indent="-457200" algn="just">
              <a:lnSpc>
                <a:spcPct val="90000"/>
              </a:lnSpc>
              <a:spcAft>
                <a:spcPts val="1200"/>
              </a:spcAft>
              <a:buFont typeface="Arial" panose="020B0604020202020204" pitchFamily="34" charset="0"/>
              <a:buChar char="•"/>
              <a:defRPr/>
            </a:pPr>
            <a:r>
              <a:rPr lang="es-CO" sz="1400" dirty="0"/>
              <a:t>Promover la competencia en un mercado más amplio.</a:t>
            </a:r>
          </a:p>
          <a:p>
            <a:pPr marL="457200" indent="-457200" algn="just">
              <a:lnSpc>
                <a:spcPct val="90000"/>
              </a:lnSpc>
              <a:spcAft>
                <a:spcPts val="1200"/>
              </a:spcAft>
              <a:buFont typeface="Arial" panose="020B0604020202020204" pitchFamily="34" charset="0"/>
              <a:buChar char="•"/>
              <a:defRPr/>
            </a:pPr>
            <a:r>
              <a:rPr lang="es-CO" sz="1400" dirty="0"/>
              <a:t>Facilitar el cumplimiento de esquemas de reducción de emisiones tanto obligatorios como voluntarios.</a:t>
            </a:r>
          </a:p>
        </p:txBody>
      </p:sp>
    </p:spTree>
    <p:extLst>
      <p:ext uri="{BB962C8B-B14F-4D97-AF65-F5344CB8AC3E}">
        <p14:creationId xmlns:p14="http://schemas.microsoft.com/office/powerpoint/2010/main" val="2106037325"/>
      </p:ext>
    </p:extLst>
  </p:cSld>
  <p:clrMapOvr>
    <a:masterClrMapping/>
  </p:clrMapOvr>
  <p:transition>
    <p:fade/>
  </p:transition>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27F33D4A-F06A-4CE2-8004-171D15E0909B}"/>
              </a:ext>
            </a:extLst>
          </p:cNvPr>
          <p:cNvSpPr>
            <a:spLocks noGrp="1"/>
          </p:cNvSpPr>
          <p:nvPr>
            <p:ph type="ctrTitle"/>
          </p:nvPr>
        </p:nvSpPr>
        <p:spPr>
          <a:xfrm>
            <a:off x="878844" y="2099310"/>
            <a:ext cx="5014195" cy="2659380"/>
          </a:xfrm>
        </p:spPr>
        <p:txBody>
          <a:bodyPr/>
          <a:lstStyle/>
          <a:p>
            <a:r>
              <a:rPr lang="en-GB" dirty="0">
                <a:solidFill>
                  <a:srgbClr val="92D050"/>
                </a:solidFill>
              </a:rPr>
              <a:t>Gracias!</a:t>
            </a:r>
            <a:br>
              <a:rPr lang="en-GB" dirty="0"/>
            </a:br>
            <a:br>
              <a:rPr lang="en-GB" dirty="0"/>
            </a:br>
            <a:r>
              <a:rPr lang="es-CO" dirty="0"/>
              <a:t>Preguntas</a:t>
            </a:r>
            <a:r>
              <a:rPr lang="en-GB" dirty="0"/>
              <a:t>?</a:t>
            </a:r>
          </a:p>
        </p:txBody>
      </p:sp>
      <p:pic>
        <p:nvPicPr>
          <p:cNvPr id="8" name="Picture 7">
            <a:extLst>
              <a:ext uri="{FF2B5EF4-FFF2-40B4-BE49-F238E27FC236}">
                <a16:creationId xmlns:a16="http://schemas.microsoft.com/office/drawing/2014/main" id="{588FF867-741B-844A-83E4-286F618D8379}"/>
              </a:ext>
            </a:extLst>
          </p:cNvPr>
          <p:cNvPicPr>
            <a:picLocks noChangeAspect="1"/>
          </p:cNvPicPr>
          <p:nvPr/>
        </p:nvPicPr>
        <p:blipFill>
          <a:blip r:embed="rId3"/>
          <a:stretch>
            <a:fillRect/>
          </a:stretch>
        </p:blipFill>
        <p:spPr>
          <a:xfrm>
            <a:off x="6944113" y="1697295"/>
            <a:ext cx="4553183" cy="2756041"/>
          </a:xfrm>
          <a:prstGeom prst="rect">
            <a:avLst/>
          </a:prstGeom>
        </p:spPr>
      </p:pic>
    </p:spTree>
    <p:custDataLst>
      <p:tags r:id="rId1"/>
    </p:custDataLst>
    <p:extLst>
      <p:ext uri="{BB962C8B-B14F-4D97-AF65-F5344CB8AC3E}">
        <p14:creationId xmlns:p14="http://schemas.microsoft.com/office/powerpoint/2010/main" val="2098494708"/>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A17B8AE-99E2-4883-94D8-A13CC923EF6A}"/>
              </a:ext>
            </a:extLst>
          </p:cNvPr>
          <p:cNvSpPr>
            <a:spLocks noGrp="1"/>
          </p:cNvSpPr>
          <p:nvPr>
            <p:ph type="title"/>
          </p:nvPr>
        </p:nvSpPr>
        <p:spPr>
          <a:xfrm>
            <a:off x="381000" y="365125"/>
            <a:ext cx="11429324" cy="609398"/>
          </a:xfrm>
        </p:spPr>
        <p:txBody>
          <a:bodyPr vert="horz" lIns="0" tIns="0" rIns="0" bIns="0" rtlCol="0" anchor="t" anchorCtr="0">
            <a:normAutofit/>
          </a:bodyPr>
          <a:lstStyle/>
          <a:p>
            <a:r>
              <a:rPr lang="es-CO" kern="1200">
                <a:latin typeface="+mn-lt"/>
                <a:ea typeface="+mj-ea"/>
                <a:cs typeface="+mj-cs"/>
              </a:rPr>
              <a:t>Consideraciones iniciales</a:t>
            </a:r>
            <a:endParaRPr lang="es-CO" kern="1200" dirty="0">
              <a:latin typeface="+mn-lt"/>
              <a:ea typeface="+mj-ea"/>
              <a:cs typeface="+mj-cs"/>
            </a:endParaRPr>
          </a:p>
        </p:txBody>
      </p:sp>
      <p:sp>
        <p:nvSpPr>
          <p:cNvPr id="27" name="TextBox 26">
            <a:extLst>
              <a:ext uri="{FF2B5EF4-FFF2-40B4-BE49-F238E27FC236}">
                <a16:creationId xmlns:a16="http://schemas.microsoft.com/office/drawing/2014/main" id="{3AD2EA46-5B31-46BF-AD33-2285626E5024}"/>
              </a:ext>
            </a:extLst>
          </p:cNvPr>
          <p:cNvSpPr txBox="1"/>
          <p:nvPr/>
        </p:nvSpPr>
        <p:spPr>
          <a:xfrm>
            <a:off x="3027872" y="1970789"/>
            <a:ext cx="8782452" cy="3195268"/>
          </a:xfrm>
          <a:prstGeom prst="rect">
            <a:avLst/>
          </a:prstGeom>
        </p:spPr>
        <p:txBody>
          <a:bodyPr vert="horz" lIns="0" tIns="0" rIns="0" bIns="0" rtlCol="0">
            <a:normAutofit/>
          </a:bodyPr>
          <a:lstStyle/>
          <a:p>
            <a:pPr marL="457200" marR="0" lvl="0" indent="-457200" algn="just" fontAlgn="auto">
              <a:lnSpc>
                <a:spcPct val="90000"/>
              </a:lnSpc>
              <a:spcBef>
                <a:spcPts val="0"/>
              </a:spcBef>
              <a:spcAft>
                <a:spcPts val="1200"/>
              </a:spcAft>
              <a:buClrTx/>
              <a:buSzTx/>
              <a:buFont typeface="Arial" panose="020B0604020202020204" pitchFamily="34" charset="0"/>
              <a:buChar char="•"/>
              <a:tabLst/>
              <a:defRPr/>
            </a:pPr>
            <a:r>
              <a:rPr kumimoji="0" lang="es-ES" sz="2200" b="0" i="0" u="none" strike="noStrike" cap="none" spc="0" normalizeH="0" baseline="0" noProof="0" dirty="0">
                <a:ln>
                  <a:noFill/>
                </a:ln>
                <a:effectLst/>
                <a:uLnTx/>
                <a:uFillTx/>
              </a:rPr>
              <a:t>¿Como el SAF llegará a las alas de los aviones en Colombia?</a:t>
            </a:r>
            <a:endParaRPr kumimoji="0" lang="es-CO" sz="2200" b="0" i="0" u="none" strike="noStrike" cap="none" spc="0" normalizeH="0" baseline="0" noProof="0" dirty="0">
              <a:ln>
                <a:noFill/>
              </a:ln>
              <a:effectLst/>
              <a:uLnTx/>
              <a:uFillTx/>
            </a:endParaRPr>
          </a:p>
          <a:p>
            <a:pPr marL="457200" marR="0" lvl="0" indent="-457200" algn="just" fontAlgn="auto">
              <a:lnSpc>
                <a:spcPct val="90000"/>
              </a:lnSpc>
              <a:spcBef>
                <a:spcPts val="0"/>
              </a:spcBef>
              <a:spcAft>
                <a:spcPts val="1200"/>
              </a:spcAft>
              <a:buClrTx/>
              <a:buSzTx/>
              <a:buFont typeface="Arial" panose="020B0604020202020204" pitchFamily="34" charset="0"/>
              <a:buChar char="•"/>
              <a:tabLst/>
              <a:defRPr/>
            </a:pPr>
            <a:r>
              <a:rPr kumimoji="0" lang="es-ES" sz="2200" b="0" i="0" u="none" strike="noStrike" cap="none" spc="0" normalizeH="0" baseline="0" noProof="0" dirty="0">
                <a:ln>
                  <a:noFill/>
                </a:ln>
                <a:effectLst/>
                <a:uLnTx/>
                <a:uFillTx/>
              </a:rPr>
              <a:t>¿Tenemos las regulaciones técnicas necesarias?</a:t>
            </a:r>
            <a:endParaRPr kumimoji="0" lang="es-CO" sz="2200" b="0" i="0" u="none" strike="noStrike" cap="none" spc="0" normalizeH="0" baseline="0" noProof="0" dirty="0">
              <a:ln>
                <a:noFill/>
              </a:ln>
              <a:effectLst/>
              <a:uLnTx/>
              <a:uFillTx/>
            </a:endParaRPr>
          </a:p>
          <a:p>
            <a:pPr marL="457200" marR="0" lvl="0" indent="-457200" algn="just" fontAlgn="auto">
              <a:lnSpc>
                <a:spcPct val="90000"/>
              </a:lnSpc>
              <a:spcBef>
                <a:spcPts val="0"/>
              </a:spcBef>
              <a:spcAft>
                <a:spcPts val="1200"/>
              </a:spcAft>
              <a:buClrTx/>
              <a:buSzTx/>
              <a:buFont typeface="Arial" panose="020B0604020202020204" pitchFamily="34" charset="0"/>
              <a:buChar char="•"/>
              <a:tabLst/>
              <a:defRPr/>
            </a:pPr>
            <a:r>
              <a:rPr kumimoji="0" lang="es-ES" sz="2200" b="0" i="0" u="none" strike="noStrike" cap="none" spc="0" normalizeH="0" baseline="0" noProof="0" dirty="0">
                <a:ln>
                  <a:noFill/>
                </a:ln>
                <a:effectLst/>
                <a:uLnTx/>
                <a:uFillTx/>
              </a:rPr>
              <a:t>¿Se necesitaría infraestructura adicional en los aeropuertos?</a:t>
            </a:r>
            <a:endParaRPr kumimoji="0" lang="es-CO" sz="2200" b="0" i="0" u="none" strike="noStrike" cap="none" spc="0" normalizeH="0" baseline="0" noProof="0" dirty="0">
              <a:ln>
                <a:noFill/>
              </a:ln>
              <a:effectLst/>
              <a:uLnTx/>
              <a:uFillTx/>
            </a:endParaRPr>
          </a:p>
          <a:p>
            <a:pPr marL="457200" marR="0" lvl="0" indent="-457200" algn="just" fontAlgn="auto">
              <a:lnSpc>
                <a:spcPct val="90000"/>
              </a:lnSpc>
              <a:spcBef>
                <a:spcPts val="0"/>
              </a:spcBef>
              <a:spcAft>
                <a:spcPts val="1200"/>
              </a:spcAft>
              <a:buClrTx/>
              <a:buSzTx/>
              <a:buFont typeface="Arial" panose="020B0604020202020204" pitchFamily="34" charset="0"/>
              <a:buChar char="•"/>
              <a:tabLst/>
              <a:defRPr/>
            </a:pPr>
            <a:r>
              <a:rPr kumimoji="0" lang="es-ES" sz="2200" b="0" i="0" u="none" strike="noStrike" cap="none" spc="0" normalizeH="0" baseline="0" noProof="0" dirty="0">
                <a:ln>
                  <a:noFill/>
                </a:ln>
                <a:effectLst/>
                <a:uLnTx/>
                <a:uFillTx/>
              </a:rPr>
              <a:t>¿Se necesita SAF en todos los aeropuertos?</a:t>
            </a:r>
            <a:endParaRPr kumimoji="0" lang="es-CO" sz="2200" b="0" i="0" u="none" strike="noStrike" cap="none" spc="0" normalizeH="0" baseline="0" noProof="0" dirty="0">
              <a:ln>
                <a:noFill/>
              </a:ln>
              <a:effectLst/>
              <a:uLnTx/>
              <a:uFillTx/>
            </a:endParaRPr>
          </a:p>
          <a:p>
            <a:pPr marL="457200" marR="0" lvl="0" indent="-457200" algn="just" fontAlgn="auto">
              <a:lnSpc>
                <a:spcPct val="90000"/>
              </a:lnSpc>
              <a:spcBef>
                <a:spcPts val="0"/>
              </a:spcBef>
              <a:spcAft>
                <a:spcPts val="1200"/>
              </a:spcAft>
              <a:buClrTx/>
              <a:buSzTx/>
              <a:buFont typeface="Arial" panose="020B0604020202020204" pitchFamily="34" charset="0"/>
              <a:buChar char="•"/>
              <a:tabLst/>
              <a:defRPr/>
            </a:pPr>
            <a:r>
              <a:rPr kumimoji="0" lang="es-CO" sz="2200" b="0" i="0" u="none" strike="noStrike" cap="none" spc="0" normalizeH="0" baseline="0" noProof="0" dirty="0">
                <a:ln>
                  <a:noFill/>
                </a:ln>
                <a:effectLst/>
                <a:uLnTx/>
                <a:uFillTx/>
              </a:rPr>
              <a:t>¿Qué son los sistemas contables para la cadena de custodia? </a:t>
            </a:r>
          </a:p>
          <a:p>
            <a:pPr marL="457200" marR="0" lvl="0" indent="-457200" algn="just" fontAlgn="auto">
              <a:lnSpc>
                <a:spcPct val="90000"/>
              </a:lnSpc>
              <a:spcBef>
                <a:spcPts val="0"/>
              </a:spcBef>
              <a:spcAft>
                <a:spcPts val="1200"/>
              </a:spcAft>
              <a:buClrTx/>
              <a:buSzTx/>
              <a:buFont typeface="Arial" panose="020B0604020202020204" pitchFamily="34" charset="0"/>
              <a:buChar char="•"/>
              <a:tabLst/>
              <a:defRPr/>
            </a:pPr>
            <a:r>
              <a:rPr kumimoji="0" lang="es-ES" sz="2200" b="0" i="0" u="none" strike="noStrike" cap="none" spc="0" normalizeH="0" baseline="0" noProof="0" dirty="0">
                <a:ln>
                  <a:noFill/>
                </a:ln>
                <a:effectLst/>
                <a:uLnTx/>
                <a:uFillTx/>
              </a:rPr>
              <a:t>¿Porque Book &amp; </a:t>
            </a:r>
            <a:r>
              <a:rPr kumimoji="0" lang="es-ES" sz="2200" b="0" i="0" u="none" strike="noStrike" cap="none" spc="0" normalizeH="0" baseline="0" noProof="0" dirty="0" err="1">
                <a:ln>
                  <a:noFill/>
                </a:ln>
                <a:effectLst/>
                <a:uLnTx/>
                <a:uFillTx/>
              </a:rPr>
              <a:t>Claim</a:t>
            </a:r>
            <a:r>
              <a:rPr kumimoji="0" lang="es-ES" sz="2200" b="0" i="0" u="none" strike="noStrike" cap="none" spc="0" normalizeH="0" baseline="0" noProof="0" dirty="0">
                <a:ln>
                  <a:noFill/>
                </a:ln>
                <a:effectLst/>
                <a:uLnTx/>
                <a:uFillTx/>
              </a:rPr>
              <a:t> es relevante para el SAF en Colombia?</a:t>
            </a:r>
            <a:endParaRPr kumimoji="0" lang="es-CO" sz="2200" b="0" i="0" u="none" strike="noStrike" cap="none" spc="0" normalizeH="0" baseline="0" noProof="0" dirty="0">
              <a:ln>
                <a:noFill/>
              </a:ln>
              <a:effectLst/>
              <a:uLnTx/>
              <a:uFillTx/>
            </a:endParaRPr>
          </a:p>
          <a:p>
            <a:pPr marL="457200" marR="0" lvl="0" indent="-457200" algn="just" fontAlgn="auto">
              <a:lnSpc>
                <a:spcPct val="90000"/>
              </a:lnSpc>
              <a:spcBef>
                <a:spcPts val="0"/>
              </a:spcBef>
              <a:spcAft>
                <a:spcPts val="1200"/>
              </a:spcAft>
              <a:buClrTx/>
              <a:buSzTx/>
              <a:buFont typeface="Arial" panose="020B0604020202020204" pitchFamily="34" charset="0"/>
              <a:buChar char="•"/>
              <a:tabLst/>
              <a:defRPr/>
            </a:pPr>
            <a:r>
              <a:rPr kumimoji="0" lang="es-ES" sz="2200" b="0" i="0" u="none" strike="noStrike" cap="none" spc="0" normalizeH="0" baseline="0" noProof="0" dirty="0">
                <a:ln>
                  <a:noFill/>
                </a:ln>
                <a:effectLst/>
                <a:uLnTx/>
                <a:uFillTx/>
              </a:rPr>
              <a:t>¿Como los mandatos de mezcla afectan al mercado?</a:t>
            </a:r>
            <a:endParaRPr kumimoji="0" lang="es-CO" sz="2200" b="0" i="0" u="none" strike="noStrike" cap="none" spc="0" normalizeH="0" baseline="0" noProof="0" dirty="0">
              <a:ln>
                <a:noFill/>
              </a:ln>
              <a:effectLst/>
              <a:uLnTx/>
              <a:uFillTx/>
            </a:endParaRPr>
          </a:p>
          <a:p>
            <a:pPr marL="457200" marR="0" lvl="0" indent="-457200" algn="just" fontAlgn="auto">
              <a:lnSpc>
                <a:spcPct val="90000"/>
              </a:lnSpc>
              <a:spcBef>
                <a:spcPts val="0"/>
              </a:spcBef>
              <a:spcAft>
                <a:spcPts val="1200"/>
              </a:spcAft>
              <a:buClrTx/>
              <a:buSzTx/>
              <a:buFont typeface="Arial" panose="020B0604020202020204" pitchFamily="34" charset="0"/>
              <a:buChar char="•"/>
              <a:tabLst/>
              <a:defRPr/>
            </a:pPr>
            <a:endParaRPr kumimoji="0" lang="es-CO" sz="2200" b="0" i="0" u="none" strike="noStrike" cap="none" spc="0" normalizeH="0" baseline="0" noProof="0" dirty="0">
              <a:ln>
                <a:noFill/>
              </a:ln>
              <a:effectLst/>
              <a:uLnTx/>
              <a:uFillTx/>
            </a:endParaRPr>
          </a:p>
        </p:txBody>
      </p:sp>
      <p:sp>
        <p:nvSpPr>
          <p:cNvPr id="38" name="Date Placeholder 4">
            <a:extLst>
              <a:ext uri="{FF2B5EF4-FFF2-40B4-BE49-F238E27FC236}">
                <a16:creationId xmlns:a16="http://schemas.microsoft.com/office/drawing/2014/main" id="{3303A8B0-56D3-2621-2AD5-60BD25503FF1}"/>
              </a:ext>
            </a:extLst>
          </p:cNvPr>
          <p:cNvSpPr>
            <a:spLocks noGrp="1"/>
          </p:cNvSpPr>
          <p:nvPr>
            <p:ph type="dt" sz="half" idx="10"/>
          </p:nvPr>
        </p:nvSpPr>
        <p:spPr>
          <a:xfrm>
            <a:off x="6286500" y="6162324"/>
            <a:ext cx="2743200" cy="365125"/>
          </a:xfrm>
        </p:spPr>
        <p:txBody>
          <a:bodyPr/>
          <a:lstStyle/>
          <a:p>
            <a:pPr>
              <a:spcAft>
                <a:spcPts val="600"/>
              </a:spcAft>
            </a:pPr>
            <a:fld id="{97C326BA-A1F7-4E33-88FC-B76359D35FF4}" type="datetime3">
              <a:rPr lang="en-US" smtClean="0"/>
              <a:pPr>
                <a:spcAft>
                  <a:spcPts val="600"/>
                </a:spcAft>
              </a:pPr>
              <a:t>8 November 2023</a:t>
            </a:fld>
            <a:endParaRPr lang="en-US" dirty="0"/>
          </a:p>
        </p:txBody>
      </p:sp>
      <p:sp>
        <p:nvSpPr>
          <p:cNvPr id="39" name="Footer Placeholder 5">
            <a:extLst>
              <a:ext uri="{FF2B5EF4-FFF2-40B4-BE49-F238E27FC236}">
                <a16:creationId xmlns:a16="http://schemas.microsoft.com/office/drawing/2014/main" id="{783C26E0-11CA-606F-3B45-66CD839C9772}"/>
              </a:ext>
            </a:extLst>
          </p:cNvPr>
          <p:cNvSpPr>
            <a:spLocks noGrp="1"/>
          </p:cNvSpPr>
          <p:nvPr>
            <p:ph type="ftr" sz="quarter" idx="11"/>
          </p:nvPr>
        </p:nvSpPr>
        <p:spPr>
          <a:xfrm>
            <a:off x="955370" y="6162324"/>
            <a:ext cx="4950130" cy="365125"/>
          </a:xfrm>
        </p:spPr>
        <p:txBody>
          <a:bodyPr/>
          <a:lstStyle/>
          <a:p>
            <a:r>
              <a:rPr lang="es-CO" dirty="0"/>
              <a:t>MESA TÉCNICA No. 2: Cadena de Suministro de Avión</a:t>
            </a:r>
          </a:p>
        </p:txBody>
      </p:sp>
      <p:sp>
        <p:nvSpPr>
          <p:cNvPr id="40" name="Slide Number Placeholder 6">
            <a:extLst>
              <a:ext uri="{FF2B5EF4-FFF2-40B4-BE49-F238E27FC236}">
                <a16:creationId xmlns:a16="http://schemas.microsoft.com/office/drawing/2014/main" id="{BD23EE2B-6139-3326-E392-7D326B845E4A}"/>
              </a:ext>
            </a:extLst>
          </p:cNvPr>
          <p:cNvSpPr>
            <a:spLocks noGrp="1"/>
          </p:cNvSpPr>
          <p:nvPr>
            <p:ph type="sldNum" sz="quarter" idx="12"/>
          </p:nvPr>
        </p:nvSpPr>
        <p:spPr>
          <a:xfrm>
            <a:off x="381000" y="6162324"/>
            <a:ext cx="457200" cy="365125"/>
          </a:xfrm>
        </p:spPr>
        <p:txBody>
          <a:bodyPr/>
          <a:lstStyle/>
          <a:p>
            <a:pPr>
              <a:spcAft>
                <a:spcPts val="600"/>
              </a:spcAft>
            </a:pPr>
            <a:fld id="{1A9E565A-6679-4A67-8FB7-14EA342FD6E1}" type="slidenum">
              <a:rPr lang="en-US" smtClean="0"/>
              <a:pPr>
                <a:spcAft>
                  <a:spcPts val="600"/>
                </a:spcAft>
              </a:pPr>
              <a:t>2</a:t>
            </a:fld>
            <a:endParaRPr lang="en-US"/>
          </a:p>
        </p:txBody>
      </p:sp>
      <p:sp>
        <p:nvSpPr>
          <p:cNvPr id="5" name="Freeform 5">
            <a:extLst>
              <a:ext uri="{FF2B5EF4-FFF2-40B4-BE49-F238E27FC236}">
                <a16:creationId xmlns:a16="http://schemas.microsoft.com/office/drawing/2014/main" id="{897DDA0B-96ED-B209-9D82-3A2BE159FFC5}"/>
              </a:ext>
            </a:extLst>
          </p:cNvPr>
          <p:cNvSpPr>
            <a:spLocks noEditPoints="1"/>
          </p:cNvSpPr>
          <p:nvPr/>
        </p:nvSpPr>
        <p:spPr bwMode="auto">
          <a:xfrm>
            <a:off x="0" y="974523"/>
            <a:ext cx="2436642" cy="5282274"/>
          </a:xfrm>
          <a:custGeom>
            <a:avLst/>
            <a:gdLst>
              <a:gd name="T0" fmla="*/ 1238 w 2662"/>
              <a:gd name="T1" fmla="*/ 4111 h 4212"/>
              <a:gd name="T2" fmla="*/ 1728 w 2662"/>
              <a:gd name="T3" fmla="*/ 3757 h 4212"/>
              <a:gd name="T4" fmla="*/ 2418 w 2662"/>
              <a:gd name="T5" fmla="*/ 1222 h 4212"/>
              <a:gd name="T6" fmla="*/ 1903 w 2662"/>
              <a:gd name="T7" fmla="*/ 3790 h 4212"/>
              <a:gd name="T8" fmla="*/ 2009 w 2662"/>
              <a:gd name="T9" fmla="*/ 3585 h 4212"/>
              <a:gd name="T10" fmla="*/ 2602 w 2662"/>
              <a:gd name="T11" fmla="*/ 1809 h 4212"/>
              <a:gd name="T12" fmla="*/ 452 w 2662"/>
              <a:gd name="T13" fmla="*/ 3186 h 4212"/>
              <a:gd name="T14" fmla="*/ 1056 w 2662"/>
              <a:gd name="T15" fmla="*/ 2978 h 4212"/>
              <a:gd name="T16" fmla="*/ 781 w 2662"/>
              <a:gd name="T17" fmla="*/ 2945 h 4212"/>
              <a:gd name="T18" fmla="*/ 373 w 2662"/>
              <a:gd name="T19" fmla="*/ 2813 h 4212"/>
              <a:gd name="T20" fmla="*/ 587 w 2662"/>
              <a:gd name="T21" fmla="*/ 2798 h 4212"/>
              <a:gd name="T22" fmla="*/ 287 w 2662"/>
              <a:gd name="T23" fmla="*/ 2346 h 4212"/>
              <a:gd name="T24" fmla="*/ 450 w 2662"/>
              <a:gd name="T25" fmla="*/ 1768 h 4212"/>
              <a:gd name="T26" fmla="*/ 115 w 2662"/>
              <a:gd name="T27" fmla="*/ 1292 h 4212"/>
              <a:gd name="T28" fmla="*/ 562 w 2662"/>
              <a:gd name="T29" fmla="*/ 952 h 4212"/>
              <a:gd name="T30" fmla="*/ 888 w 2662"/>
              <a:gd name="T31" fmla="*/ 857 h 4212"/>
              <a:gd name="T32" fmla="*/ 731 w 2662"/>
              <a:gd name="T33" fmla="*/ 672 h 4212"/>
              <a:gd name="T34" fmla="*/ 761 w 2662"/>
              <a:gd name="T35" fmla="*/ 495 h 4212"/>
              <a:gd name="T36" fmla="*/ 1331 w 2662"/>
              <a:gd name="T37" fmla="*/ 589 h 4212"/>
              <a:gd name="T38" fmla="*/ 1580 w 2662"/>
              <a:gd name="T39" fmla="*/ 728 h 4212"/>
              <a:gd name="T40" fmla="*/ 1578 w 2662"/>
              <a:gd name="T41" fmla="*/ 673 h 4212"/>
              <a:gd name="T42" fmla="*/ 830 w 2662"/>
              <a:gd name="T43" fmla="*/ 350 h 4212"/>
              <a:gd name="T44" fmla="*/ 1482 w 2662"/>
              <a:gd name="T45" fmla="*/ 473 h 4212"/>
              <a:gd name="T46" fmla="*/ 1857 w 2662"/>
              <a:gd name="T47" fmla="*/ 620 h 4212"/>
              <a:gd name="T48" fmla="*/ 2385 w 2662"/>
              <a:gd name="T49" fmla="*/ 1322 h 4212"/>
              <a:gd name="T50" fmla="*/ 2564 w 2662"/>
              <a:gd name="T51" fmla="*/ 1898 h 4212"/>
              <a:gd name="T52" fmla="*/ 2576 w 2662"/>
              <a:gd name="T53" fmla="*/ 2669 h 4212"/>
              <a:gd name="T54" fmla="*/ 1492 w 2662"/>
              <a:gd name="T55" fmla="*/ 3835 h 4212"/>
              <a:gd name="T56" fmla="*/ 1727 w 2662"/>
              <a:gd name="T57" fmla="*/ 3661 h 4212"/>
              <a:gd name="T58" fmla="*/ 2409 w 2662"/>
              <a:gd name="T59" fmla="*/ 2620 h 4212"/>
              <a:gd name="T60" fmla="*/ 1897 w 2662"/>
              <a:gd name="T61" fmla="*/ 3443 h 4212"/>
              <a:gd name="T62" fmla="*/ 1351 w 2662"/>
              <a:gd name="T63" fmla="*/ 3698 h 4212"/>
              <a:gd name="T64" fmla="*/ 1399 w 2662"/>
              <a:gd name="T65" fmla="*/ 3719 h 4212"/>
              <a:gd name="T66" fmla="*/ 727 w 2662"/>
              <a:gd name="T67" fmla="*/ 3895 h 4212"/>
              <a:gd name="T68" fmla="*/ 1112 w 2662"/>
              <a:gd name="T69" fmla="*/ 3753 h 4212"/>
              <a:gd name="T70" fmla="*/ 478 w 2662"/>
              <a:gd name="T71" fmla="*/ 3563 h 4212"/>
              <a:gd name="T72" fmla="*/ 1313 w 2662"/>
              <a:gd name="T73" fmla="*/ 3305 h 4212"/>
              <a:gd name="T74" fmla="*/ 786 w 2662"/>
              <a:gd name="T75" fmla="*/ 3495 h 4212"/>
              <a:gd name="T76" fmla="*/ 486 w 2662"/>
              <a:gd name="T77" fmla="*/ 3874 h 4212"/>
              <a:gd name="T78" fmla="*/ 556 w 2662"/>
              <a:gd name="T79" fmla="*/ 4204 h 4212"/>
              <a:gd name="T80" fmla="*/ 401 w 2662"/>
              <a:gd name="T81" fmla="*/ 455 h 4212"/>
              <a:gd name="T82" fmla="*/ 562 w 2662"/>
              <a:gd name="T83" fmla="*/ 66 h 4212"/>
              <a:gd name="T84" fmla="*/ 179 w 2662"/>
              <a:gd name="T85" fmla="*/ 851 h 4212"/>
              <a:gd name="T86" fmla="*/ 859 w 2662"/>
              <a:gd name="T87" fmla="*/ 181 h 4212"/>
              <a:gd name="T88" fmla="*/ 205 w 2662"/>
              <a:gd name="T89" fmla="*/ 169 h 4212"/>
              <a:gd name="T90" fmla="*/ 1956 w 2662"/>
              <a:gd name="T91" fmla="*/ 682 h 4212"/>
              <a:gd name="T92" fmla="*/ 990 w 2662"/>
              <a:gd name="T93" fmla="*/ 184 h 4212"/>
              <a:gd name="T94" fmla="*/ 923 w 2662"/>
              <a:gd name="T95" fmla="*/ 50 h 4212"/>
              <a:gd name="T96" fmla="*/ 1521 w 2662"/>
              <a:gd name="T97" fmla="*/ 299 h 4212"/>
              <a:gd name="T98" fmla="*/ 1875 w 2662"/>
              <a:gd name="T99" fmla="*/ 480 h 4212"/>
              <a:gd name="T100" fmla="*/ 968 w 2662"/>
              <a:gd name="T101" fmla="*/ 141 h 4212"/>
              <a:gd name="T102" fmla="*/ 716 w 2662"/>
              <a:gd name="T103" fmla="*/ 4184 h 4212"/>
              <a:gd name="T104" fmla="*/ 279 w 2662"/>
              <a:gd name="T105" fmla="*/ 2343 h 4212"/>
              <a:gd name="T106" fmla="*/ 214 w 2662"/>
              <a:gd name="T107" fmla="*/ 2132 h 4212"/>
              <a:gd name="T108" fmla="*/ 180 w 2662"/>
              <a:gd name="T109" fmla="*/ 4168 h 4212"/>
              <a:gd name="T110" fmla="*/ 278 w 2662"/>
              <a:gd name="T111" fmla="*/ 4137 h 4212"/>
              <a:gd name="T112" fmla="*/ 1006 w 2662"/>
              <a:gd name="T113" fmla="*/ 2995 h 4212"/>
              <a:gd name="T114" fmla="*/ 858 w 2662"/>
              <a:gd name="T115" fmla="*/ 407 h 4212"/>
              <a:gd name="T116" fmla="*/ 830 w 2662"/>
              <a:gd name="T117" fmla="*/ 595 h 4212"/>
              <a:gd name="T118" fmla="*/ 1639 w 2662"/>
              <a:gd name="T119" fmla="*/ 3661 h 4212"/>
              <a:gd name="T120" fmla="*/ 163 w 2662"/>
              <a:gd name="T121" fmla="*/ 2160 h 4212"/>
              <a:gd name="T122" fmla="*/ 181 w 2662"/>
              <a:gd name="T123" fmla="*/ 2429 h 42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2662" h="4212">
                <a:moveTo>
                  <a:pt x="1684" y="3859"/>
                </a:moveTo>
                <a:cubicBezTo>
                  <a:pt x="1691" y="3854"/>
                  <a:pt x="1699" y="3850"/>
                  <a:pt x="1706" y="3845"/>
                </a:cubicBezTo>
                <a:cubicBezTo>
                  <a:pt x="1721" y="3854"/>
                  <a:pt x="1685" y="3876"/>
                  <a:pt x="1684" y="3859"/>
                </a:cubicBezTo>
                <a:close/>
                <a:moveTo>
                  <a:pt x="1666" y="3910"/>
                </a:moveTo>
                <a:cubicBezTo>
                  <a:pt x="1677" y="3919"/>
                  <a:pt x="1694" y="3908"/>
                  <a:pt x="1704" y="3922"/>
                </a:cubicBezTo>
                <a:cubicBezTo>
                  <a:pt x="1708" y="3900"/>
                  <a:pt x="1671" y="3917"/>
                  <a:pt x="1683" y="3888"/>
                </a:cubicBezTo>
                <a:cubicBezTo>
                  <a:pt x="1668" y="3893"/>
                  <a:pt x="1687" y="3906"/>
                  <a:pt x="1666" y="3910"/>
                </a:cubicBezTo>
                <a:close/>
                <a:moveTo>
                  <a:pt x="1677" y="3810"/>
                </a:moveTo>
                <a:cubicBezTo>
                  <a:pt x="1697" y="3832"/>
                  <a:pt x="1692" y="3779"/>
                  <a:pt x="1709" y="3801"/>
                </a:cubicBezTo>
                <a:cubicBezTo>
                  <a:pt x="1713" y="3796"/>
                  <a:pt x="1705" y="3788"/>
                  <a:pt x="1702" y="3782"/>
                </a:cubicBezTo>
                <a:cubicBezTo>
                  <a:pt x="1690" y="3797"/>
                  <a:pt x="1687" y="3800"/>
                  <a:pt x="1677" y="3810"/>
                </a:cubicBezTo>
                <a:close/>
                <a:moveTo>
                  <a:pt x="817" y="4133"/>
                </a:moveTo>
                <a:cubicBezTo>
                  <a:pt x="830" y="4126"/>
                  <a:pt x="840" y="4132"/>
                  <a:pt x="848" y="4145"/>
                </a:cubicBezTo>
                <a:cubicBezTo>
                  <a:pt x="881" y="4136"/>
                  <a:pt x="891" y="4129"/>
                  <a:pt x="923" y="4136"/>
                </a:cubicBezTo>
                <a:cubicBezTo>
                  <a:pt x="919" y="4143"/>
                  <a:pt x="921" y="4155"/>
                  <a:pt x="911" y="4158"/>
                </a:cubicBezTo>
                <a:cubicBezTo>
                  <a:pt x="916" y="4163"/>
                  <a:pt x="920" y="4158"/>
                  <a:pt x="936" y="4160"/>
                </a:cubicBezTo>
                <a:cubicBezTo>
                  <a:pt x="955" y="4063"/>
                  <a:pt x="989" y="4152"/>
                  <a:pt x="1006" y="4114"/>
                </a:cubicBezTo>
                <a:cubicBezTo>
                  <a:pt x="1015" y="4120"/>
                  <a:pt x="1018" y="4134"/>
                  <a:pt x="1022" y="4146"/>
                </a:cubicBezTo>
                <a:cubicBezTo>
                  <a:pt x="1041" y="4137"/>
                  <a:pt x="1044" y="4160"/>
                  <a:pt x="1054" y="4145"/>
                </a:cubicBezTo>
                <a:cubicBezTo>
                  <a:pt x="1057" y="4156"/>
                  <a:pt x="1052" y="4162"/>
                  <a:pt x="1041" y="4163"/>
                </a:cubicBezTo>
                <a:cubicBezTo>
                  <a:pt x="1044" y="4177"/>
                  <a:pt x="1075" y="4152"/>
                  <a:pt x="1079" y="4165"/>
                </a:cubicBezTo>
                <a:cubicBezTo>
                  <a:pt x="1093" y="4157"/>
                  <a:pt x="1069" y="4151"/>
                  <a:pt x="1061" y="4154"/>
                </a:cubicBezTo>
                <a:cubicBezTo>
                  <a:pt x="1063" y="4134"/>
                  <a:pt x="1077" y="4119"/>
                  <a:pt x="1081" y="4150"/>
                </a:cubicBezTo>
                <a:cubicBezTo>
                  <a:pt x="1100" y="4141"/>
                  <a:pt x="1115" y="4124"/>
                  <a:pt x="1124" y="4151"/>
                </a:cubicBezTo>
                <a:cubicBezTo>
                  <a:pt x="1146" y="4123"/>
                  <a:pt x="1179" y="4131"/>
                  <a:pt x="1201" y="4117"/>
                </a:cubicBezTo>
                <a:cubicBezTo>
                  <a:pt x="1209" y="4122"/>
                  <a:pt x="1210" y="4127"/>
                  <a:pt x="1200" y="4132"/>
                </a:cubicBezTo>
                <a:cubicBezTo>
                  <a:pt x="1217" y="4144"/>
                  <a:pt x="1232" y="4123"/>
                  <a:pt x="1237" y="4127"/>
                </a:cubicBezTo>
                <a:cubicBezTo>
                  <a:pt x="1243" y="4124"/>
                  <a:pt x="1239" y="4117"/>
                  <a:pt x="1238" y="4111"/>
                </a:cubicBezTo>
                <a:cubicBezTo>
                  <a:pt x="1255" y="4108"/>
                  <a:pt x="1256" y="4093"/>
                  <a:pt x="1265" y="4108"/>
                </a:cubicBezTo>
                <a:cubicBezTo>
                  <a:pt x="1267" y="4087"/>
                  <a:pt x="1297" y="4080"/>
                  <a:pt x="1300" y="4060"/>
                </a:cubicBezTo>
                <a:cubicBezTo>
                  <a:pt x="1292" y="4065"/>
                  <a:pt x="1268" y="4096"/>
                  <a:pt x="1264" y="4067"/>
                </a:cubicBezTo>
                <a:cubicBezTo>
                  <a:pt x="1258" y="4069"/>
                  <a:pt x="1262" y="4077"/>
                  <a:pt x="1263" y="4082"/>
                </a:cubicBezTo>
                <a:cubicBezTo>
                  <a:pt x="1252" y="4082"/>
                  <a:pt x="1242" y="4080"/>
                  <a:pt x="1230" y="4082"/>
                </a:cubicBezTo>
                <a:cubicBezTo>
                  <a:pt x="1225" y="4093"/>
                  <a:pt x="1219" y="4104"/>
                  <a:pt x="1212" y="4114"/>
                </a:cubicBezTo>
                <a:cubicBezTo>
                  <a:pt x="1198" y="4116"/>
                  <a:pt x="1216" y="4103"/>
                  <a:pt x="1206" y="4094"/>
                </a:cubicBezTo>
                <a:cubicBezTo>
                  <a:pt x="1198" y="4117"/>
                  <a:pt x="1184" y="4089"/>
                  <a:pt x="1180" y="4089"/>
                </a:cubicBezTo>
                <a:cubicBezTo>
                  <a:pt x="1180" y="4091"/>
                  <a:pt x="1180" y="4094"/>
                  <a:pt x="1180" y="4096"/>
                </a:cubicBezTo>
                <a:cubicBezTo>
                  <a:pt x="1179" y="4090"/>
                  <a:pt x="1179" y="4089"/>
                  <a:pt x="1180" y="4089"/>
                </a:cubicBezTo>
                <a:cubicBezTo>
                  <a:pt x="1185" y="4065"/>
                  <a:pt x="1227" y="4040"/>
                  <a:pt x="1263" y="4046"/>
                </a:cubicBezTo>
                <a:cubicBezTo>
                  <a:pt x="1255" y="4032"/>
                  <a:pt x="1256" y="4038"/>
                  <a:pt x="1255" y="4022"/>
                </a:cubicBezTo>
                <a:cubicBezTo>
                  <a:pt x="1250" y="4059"/>
                  <a:pt x="1201" y="4015"/>
                  <a:pt x="1185" y="4054"/>
                </a:cubicBezTo>
                <a:cubicBezTo>
                  <a:pt x="1098" y="4036"/>
                  <a:pt x="1005" y="4105"/>
                  <a:pt x="917" y="4092"/>
                </a:cubicBezTo>
                <a:cubicBezTo>
                  <a:pt x="921" y="4099"/>
                  <a:pt x="926" y="4103"/>
                  <a:pt x="930" y="4110"/>
                </a:cubicBezTo>
                <a:cubicBezTo>
                  <a:pt x="915" y="4116"/>
                  <a:pt x="911" y="4108"/>
                  <a:pt x="899" y="4109"/>
                </a:cubicBezTo>
                <a:cubicBezTo>
                  <a:pt x="891" y="4137"/>
                  <a:pt x="831" y="4117"/>
                  <a:pt x="817" y="4133"/>
                </a:cubicBezTo>
                <a:close/>
                <a:moveTo>
                  <a:pt x="1396" y="3940"/>
                </a:moveTo>
                <a:cubicBezTo>
                  <a:pt x="1427" y="3941"/>
                  <a:pt x="1424" y="3916"/>
                  <a:pt x="1457" y="3918"/>
                </a:cubicBezTo>
                <a:cubicBezTo>
                  <a:pt x="1447" y="3894"/>
                  <a:pt x="1398" y="3926"/>
                  <a:pt x="1396" y="3940"/>
                </a:cubicBezTo>
                <a:close/>
                <a:moveTo>
                  <a:pt x="1574" y="3842"/>
                </a:moveTo>
                <a:cubicBezTo>
                  <a:pt x="1569" y="3845"/>
                  <a:pt x="1574" y="3852"/>
                  <a:pt x="1577" y="3857"/>
                </a:cubicBezTo>
                <a:cubicBezTo>
                  <a:pt x="1589" y="3846"/>
                  <a:pt x="1614" y="3855"/>
                  <a:pt x="1608" y="3862"/>
                </a:cubicBezTo>
                <a:cubicBezTo>
                  <a:pt x="1636" y="3860"/>
                  <a:pt x="1647" y="3835"/>
                  <a:pt x="1677" y="3828"/>
                </a:cubicBezTo>
                <a:cubicBezTo>
                  <a:pt x="1671" y="3826"/>
                  <a:pt x="1666" y="3821"/>
                  <a:pt x="1662" y="3814"/>
                </a:cubicBezTo>
                <a:cubicBezTo>
                  <a:pt x="1637" y="3852"/>
                  <a:pt x="1607" y="3830"/>
                  <a:pt x="1574" y="3842"/>
                </a:cubicBezTo>
                <a:close/>
                <a:moveTo>
                  <a:pt x="1745" y="3764"/>
                </a:moveTo>
                <a:cubicBezTo>
                  <a:pt x="1755" y="3751"/>
                  <a:pt x="1731" y="3763"/>
                  <a:pt x="1728" y="3757"/>
                </a:cubicBezTo>
                <a:cubicBezTo>
                  <a:pt x="1725" y="3766"/>
                  <a:pt x="1729" y="3777"/>
                  <a:pt x="1716" y="3784"/>
                </a:cubicBezTo>
                <a:cubicBezTo>
                  <a:pt x="1720" y="3794"/>
                  <a:pt x="1726" y="3793"/>
                  <a:pt x="1731" y="3798"/>
                </a:cubicBezTo>
                <a:cubicBezTo>
                  <a:pt x="1739" y="3789"/>
                  <a:pt x="1719" y="3764"/>
                  <a:pt x="1745" y="3764"/>
                </a:cubicBezTo>
                <a:close/>
                <a:moveTo>
                  <a:pt x="2262" y="1104"/>
                </a:moveTo>
                <a:cubicBezTo>
                  <a:pt x="2261" y="1119"/>
                  <a:pt x="2285" y="1130"/>
                  <a:pt x="2286" y="1151"/>
                </a:cubicBezTo>
                <a:cubicBezTo>
                  <a:pt x="2296" y="1143"/>
                  <a:pt x="2284" y="1127"/>
                  <a:pt x="2276" y="1107"/>
                </a:cubicBezTo>
                <a:cubicBezTo>
                  <a:pt x="2270" y="1113"/>
                  <a:pt x="2266" y="1109"/>
                  <a:pt x="2262" y="1104"/>
                </a:cubicBezTo>
                <a:close/>
                <a:moveTo>
                  <a:pt x="2652" y="1593"/>
                </a:moveTo>
                <a:cubicBezTo>
                  <a:pt x="2643" y="1583"/>
                  <a:pt x="2629" y="1585"/>
                  <a:pt x="2617" y="1580"/>
                </a:cubicBezTo>
                <a:cubicBezTo>
                  <a:pt x="2616" y="1572"/>
                  <a:pt x="2633" y="1568"/>
                  <a:pt x="2623" y="1559"/>
                </a:cubicBezTo>
                <a:cubicBezTo>
                  <a:pt x="2593" y="1565"/>
                  <a:pt x="2559" y="1485"/>
                  <a:pt x="2590" y="1479"/>
                </a:cubicBezTo>
                <a:cubicBezTo>
                  <a:pt x="2566" y="1454"/>
                  <a:pt x="2566" y="1404"/>
                  <a:pt x="2522" y="1402"/>
                </a:cubicBezTo>
                <a:cubicBezTo>
                  <a:pt x="2523" y="1407"/>
                  <a:pt x="2523" y="1412"/>
                  <a:pt x="2521" y="1417"/>
                </a:cubicBezTo>
                <a:cubicBezTo>
                  <a:pt x="2511" y="1418"/>
                  <a:pt x="2507" y="1399"/>
                  <a:pt x="2495" y="1407"/>
                </a:cubicBezTo>
                <a:cubicBezTo>
                  <a:pt x="2533" y="1447"/>
                  <a:pt x="2562" y="1514"/>
                  <a:pt x="2585" y="1553"/>
                </a:cubicBezTo>
                <a:cubicBezTo>
                  <a:pt x="2550" y="1564"/>
                  <a:pt x="2581" y="1526"/>
                  <a:pt x="2557" y="1534"/>
                </a:cubicBezTo>
                <a:cubicBezTo>
                  <a:pt x="2563" y="1544"/>
                  <a:pt x="2560" y="1553"/>
                  <a:pt x="2561" y="1562"/>
                </a:cubicBezTo>
                <a:cubicBezTo>
                  <a:pt x="2592" y="1553"/>
                  <a:pt x="2590" y="1593"/>
                  <a:pt x="2609" y="1597"/>
                </a:cubicBezTo>
                <a:cubicBezTo>
                  <a:pt x="2601" y="1595"/>
                  <a:pt x="2590" y="1601"/>
                  <a:pt x="2587" y="1608"/>
                </a:cubicBezTo>
                <a:cubicBezTo>
                  <a:pt x="2599" y="1622"/>
                  <a:pt x="2609" y="1668"/>
                  <a:pt x="2577" y="1659"/>
                </a:cubicBezTo>
                <a:cubicBezTo>
                  <a:pt x="2587" y="1681"/>
                  <a:pt x="2606" y="1679"/>
                  <a:pt x="2627" y="1694"/>
                </a:cubicBezTo>
                <a:cubicBezTo>
                  <a:pt x="2617" y="1681"/>
                  <a:pt x="2616" y="1660"/>
                  <a:pt x="2633" y="1671"/>
                </a:cubicBezTo>
                <a:cubicBezTo>
                  <a:pt x="2633" y="1660"/>
                  <a:pt x="2632" y="1646"/>
                  <a:pt x="2617" y="1649"/>
                </a:cubicBezTo>
                <a:cubicBezTo>
                  <a:pt x="2621" y="1631"/>
                  <a:pt x="2647" y="1610"/>
                  <a:pt x="2632" y="1598"/>
                </a:cubicBezTo>
                <a:cubicBezTo>
                  <a:pt x="2640" y="1594"/>
                  <a:pt x="2647" y="1592"/>
                  <a:pt x="2652" y="1593"/>
                </a:cubicBezTo>
                <a:close/>
                <a:moveTo>
                  <a:pt x="2415" y="1184"/>
                </a:moveTo>
                <a:cubicBezTo>
                  <a:pt x="2408" y="1189"/>
                  <a:pt x="2428" y="1220"/>
                  <a:pt x="2411" y="1209"/>
                </a:cubicBezTo>
                <a:cubicBezTo>
                  <a:pt x="2406" y="1215"/>
                  <a:pt x="2416" y="1214"/>
                  <a:pt x="2418" y="1222"/>
                </a:cubicBezTo>
                <a:cubicBezTo>
                  <a:pt x="2421" y="1213"/>
                  <a:pt x="2420" y="1203"/>
                  <a:pt x="2429" y="1222"/>
                </a:cubicBezTo>
                <a:cubicBezTo>
                  <a:pt x="2439" y="1222"/>
                  <a:pt x="2425" y="1192"/>
                  <a:pt x="2415" y="1184"/>
                </a:cubicBezTo>
                <a:close/>
                <a:moveTo>
                  <a:pt x="1775" y="3761"/>
                </a:moveTo>
                <a:cubicBezTo>
                  <a:pt x="1770" y="3754"/>
                  <a:pt x="1770" y="3748"/>
                  <a:pt x="1775" y="3743"/>
                </a:cubicBezTo>
                <a:cubicBezTo>
                  <a:pt x="1773" y="3743"/>
                  <a:pt x="1743" y="3769"/>
                  <a:pt x="1752" y="3783"/>
                </a:cubicBezTo>
                <a:cubicBezTo>
                  <a:pt x="1760" y="3770"/>
                  <a:pt x="1759" y="3765"/>
                  <a:pt x="1775" y="3761"/>
                </a:cubicBezTo>
                <a:close/>
                <a:moveTo>
                  <a:pt x="2292" y="942"/>
                </a:moveTo>
                <a:cubicBezTo>
                  <a:pt x="2309" y="936"/>
                  <a:pt x="2302" y="936"/>
                  <a:pt x="2319" y="930"/>
                </a:cubicBezTo>
                <a:cubicBezTo>
                  <a:pt x="2303" y="893"/>
                  <a:pt x="2298" y="902"/>
                  <a:pt x="2271" y="858"/>
                </a:cubicBezTo>
                <a:cubicBezTo>
                  <a:pt x="2265" y="879"/>
                  <a:pt x="2249" y="840"/>
                  <a:pt x="2244" y="847"/>
                </a:cubicBezTo>
                <a:cubicBezTo>
                  <a:pt x="2261" y="837"/>
                  <a:pt x="2247" y="822"/>
                  <a:pt x="2227" y="823"/>
                </a:cubicBezTo>
                <a:cubicBezTo>
                  <a:pt x="2223" y="809"/>
                  <a:pt x="2242" y="821"/>
                  <a:pt x="2240" y="808"/>
                </a:cubicBezTo>
                <a:cubicBezTo>
                  <a:pt x="2221" y="801"/>
                  <a:pt x="2213" y="758"/>
                  <a:pt x="2199" y="778"/>
                </a:cubicBezTo>
                <a:cubicBezTo>
                  <a:pt x="2196" y="773"/>
                  <a:pt x="2193" y="771"/>
                  <a:pt x="2189" y="773"/>
                </a:cubicBezTo>
                <a:cubicBezTo>
                  <a:pt x="2186" y="761"/>
                  <a:pt x="2212" y="767"/>
                  <a:pt x="2196" y="749"/>
                </a:cubicBezTo>
                <a:cubicBezTo>
                  <a:pt x="2193" y="773"/>
                  <a:pt x="2178" y="748"/>
                  <a:pt x="2169" y="746"/>
                </a:cubicBezTo>
                <a:cubicBezTo>
                  <a:pt x="2161" y="785"/>
                  <a:pt x="2217" y="821"/>
                  <a:pt x="2225" y="855"/>
                </a:cubicBezTo>
                <a:cubicBezTo>
                  <a:pt x="2233" y="857"/>
                  <a:pt x="2242" y="855"/>
                  <a:pt x="2250" y="855"/>
                </a:cubicBezTo>
                <a:cubicBezTo>
                  <a:pt x="2252" y="860"/>
                  <a:pt x="2245" y="863"/>
                  <a:pt x="2240" y="867"/>
                </a:cubicBezTo>
                <a:cubicBezTo>
                  <a:pt x="2256" y="893"/>
                  <a:pt x="2298" y="891"/>
                  <a:pt x="2299" y="926"/>
                </a:cubicBezTo>
                <a:cubicBezTo>
                  <a:pt x="2289" y="930"/>
                  <a:pt x="2286" y="905"/>
                  <a:pt x="2275" y="907"/>
                </a:cubicBezTo>
                <a:cubicBezTo>
                  <a:pt x="2274" y="923"/>
                  <a:pt x="2290" y="921"/>
                  <a:pt x="2292" y="942"/>
                </a:cubicBezTo>
                <a:close/>
                <a:moveTo>
                  <a:pt x="1702" y="3888"/>
                </a:moveTo>
                <a:cubicBezTo>
                  <a:pt x="1718" y="3883"/>
                  <a:pt x="1711" y="3873"/>
                  <a:pt x="1726" y="3867"/>
                </a:cubicBezTo>
                <a:cubicBezTo>
                  <a:pt x="1733" y="3873"/>
                  <a:pt x="1728" y="3878"/>
                  <a:pt x="1723" y="3882"/>
                </a:cubicBezTo>
                <a:cubicBezTo>
                  <a:pt x="1743" y="3885"/>
                  <a:pt x="1771" y="3820"/>
                  <a:pt x="1784" y="3858"/>
                </a:cubicBezTo>
                <a:cubicBezTo>
                  <a:pt x="1804" y="3862"/>
                  <a:pt x="1810" y="3824"/>
                  <a:pt x="1826" y="3841"/>
                </a:cubicBezTo>
                <a:cubicBezTo>
                  <a:pt x="1831" y="3814"/>
                  <a:pt x="1879" y="3801"/>
                  <a:pt x="1903" y="3790"/>
                </a:cubicBezTo>
                <a:cubicBezTo>
                  <a:pt x="1906" y="3760"/>
                  <a:pt x="1940" y="3748"/>
                  <a:pt x="1961" y="3723"/>
                </a:cubicBezTo>
                <a:cubicBezTo>
                  <a:pt x="1969" y="3747"/>
                  <a:pt x="1943" y="3751"/>
                  <a:pt x="1920" y="3777"/>
                </a:cubicBezTo>
                <a:cubicBezTo>
                  <a:pt x="1940" y="3784"/>
                  <a:pt x="1948" y="3746"/>
                  <a:pt x="1974" y="3738"/>
                </a:cubicBezTo>
                <a:cubicBezTo>
                  <a:pt x="1955" y="3725"/>
                  <a:pt x="2006" y="3714"/>
                  <a:pt x="1978" y="3701"/>
                </a:cubicBezTo>
                <a:cubicBezTo>
                  <a:pt x="2181" y="3585"/>
                  <a:pt x="2422" y="3229"/>
                  <a:pt x="2519" y="2992"/>
                </a:cubicBezTo>
                <a:cubicBezTo>
                  <a:pt x="2505" y="2986"/>
                  <a:pt x="2505" y="2986"/>
                  <a:pt x="2505" y="2986"/>
                </a:cubicBezTo>
                <a:cubicBezTo>
                  <a:pt x="2514" y="2987"/>
                  <a:pt x="2546" y="2959"/>
                  <a:pt x="2521" y="2963"/>
                </a:cubicBezTo>
                <a:cubicBezTo>
                  <a:pt x="2549" y="2949"/>
                  <a:pt x="2550" y="2895"/>
                  <a:pt x="2565" y="2872"/>
                </a:cubicBezTo>
                <a:cubicBezTo>
                  <a:pt x="2509" y="2932"/>
                  <a:pt x="2462" y="3028"/>
                  <a:pt x="2442" y="3104"/>
                </a:cubicBezTo>
                <a:cubicBezTo>
                  <a:pt x="2434" y="3082"/>
                  <a:pt x="2397" y="3139"/>
                  <a:pt x="2420" y="3135"/>
                </a:cubicBezTo>
                <a:cubicBezTo>
                  <a:pt x="2369" y="3173"/>
                  <a:pt x="2357" y="3221"/>
                  <a:pt x="2310" y="3266"/>
                </a:cubicBezTo>
                <a:cubicBezTo>
                  <a:pt x="2319" y="3265"/>
                  <a:pt x="2324" y="3268"/>
                  <a:pt x="2320" y="3279"/>
                </a:cubicBezTo>
                <a:cubicBezTo>
                  <a:pt x="2294" y="3283"/>
                  <a:pt x="2278" y="3307"/>
                  <a:pt x="2272" y="3332"/>
                </a:cubicBezTo>
                <a:cubicBezTo>
                  <a:pt x="2267" y="3346"/>
                  <a:pt x="2258" y="3335"/>
                  <a:pt x="2252" y="3343"/>
                </a:cubicBezTo>
                <a:cubicBezTo>
                  <a:pt x="2263" y="3317"/>
                  <a:pt x="2274" y="3241"/>
                  <a:pt x="2228" y="3282"/>
                </a:cubicBezTo>
                <a:cubicBezTo>
                  <a:pt x="2238" y="3299"/>
                  <a:pt x="2241" y="3269"/>
                  <a:pt x="2249" y="3277"/>
                </a:cubicBezTo>
                <a:cubicBezTo>
                  <a:pt x="2258" y="3301"/>
                  <a:pt x="2225" y="3323"/>
                  <a:pt x="2208" y="3319"/>
                </a:cubicBezTo>
                <a:cubicBezTo>
                  <a:pt x="2196" y="3310"/>
                  <a:pt x="2236" y="3291"/>
                  <a:pt x="2214" y="3285"/>
                </a:cubicBezTo>
                <a:cubicBezTo>
                  <a:pt x="2181" y="3321"/>
                  <a:pt x="2174" y="3340"/>
                  <a:pt x="2146" y="3344"/>
                </a:cubicBezTo>
                <a:cubicBezTo>
                  <a:pt x="2144" y="3379"/>
                  <a:pt x="2095" y="3426"/>
                  <a:pt x="2065" y="3430"/>
                </a:cubicBezTo>
                <a:cubicBezTo>
                  <a:pt x="2062" y="3450"/>
                  <a:pt x="2064" y="3456"/>
                  <a:pt x="2041" y="3463"/>
                </a:cubicBezTo>
                <a:cubicBezTo>
                  <a:pt x="2047" y="3463"/>
                  <a:pt x="2053" y="3470"/>
                  <a:pt x="2059" y="3466"/>
                </a:cubicBezTo>
                <a:cubicBezTo>
                  <a:pt x="2056" y="3492"/>
                  <a:pt x="2048" y="3500"/>
                  <a:pt x="2024" y="3518"/>
                </a:cubicBezTo>
                <a:cubicBezTo>
                  <a:pt x="2037" y="3522"/>
                  <a:pt x="2050" y="3522"/>
                  <a:pt x="2046" y="3539"/>
                </a:cubicBezTo>
                <a:cubicBezTo>
                  <a:pt x="2040" y="3532"/>
                  <a:pt x="2018" y="3538"/>
                  <a:pt x="2020" y="3559"/>
                </a:cubicBezTo>
                <a:cubicBezTo>
                  <a:pt x="1997" y="3561"/>
                  <a:pt x="1979" y="3564"/>
                  <a:pt x="1962" y="3588"/>
                </a:cubicBezTo>
                <a:cubicBezTo>
                  <a:pt x="1976" y="3598"/>
                  <a:pt x="1993" y="3583"/>
                  <a:pt x="1999" y="3567"/>
                </a:cubicBezTo>
                <a:cubicBezTo>
                  <a:pt x="2006" y="3573"/>
                  <a:pt x="2002" y="3579"/>
                  <a:pt x="2009" y="3585"/>
                </a:cubicBezTo>
                <a:cubicBezTo>
                  <a:pt x="1981" y="3599"/>
                  <a:pt x="1979" y="3602"/>
                  <a:pt x="1955" y="3627"/>
                </a:cubicBezTo>
                <a:cubicBezTo>
                  <a:pt x="1940" y="3619"/>
                  <a:pt x="1962" y="3611"/>
                  <a:pt x="1968" y="3603"/>
                </a:cubicBezTo>
                <a:cubicBezTo>
                  <a:pt x="1959" y="3589"/>
                  <a:pt x="1948" y="3619"/>
                  <a:pt x="1939" y="3602"/>
                </a:cubicBezTo>
                <a:cubicBezTo>
                  <a:pt x="1935" y="3616"/>
                  <a:pt x="1953" y="3631"/>
                  <a:pt x="1936" y="3645"/>
                </a:cubicBezTo>
                <a:cubicBezTo>
                  <a:pt x="1916" y="3631"/>
                  <a:pt x="1934" y="3642"/>
                  <a:pt x="1909" y="3662"/>
                </a:cubicBezTo>
                <a:cubicBezTo>
                  <a:pt x="1909" y="3656"/>
                  <a:pt x="1911" y="3650"/>
                  <a:pt x="1914" y="3644"/>
                </a:cubicBezTo>
                <a:cubicBezTo>
                  <a:pt x="1901" y="3661"/>
                  <a:pt x="1878" y="3689"/>
                  <a:pt x="1856" y="3713"/>
                </a:cubicBezTo>
                <a:cubicBezTo>
                  <a:pt x="1830" y="3705"/>
                  <a:pt x="1844" y="3729"/>
                  <a:pt x="1863" y="3714"/>
                </a:cubicBezTo>
                <a:cubicBezTo>
                  <a:pt x="1865" y="3718"/>
                  <a:pt x="1862" y="3721"/>
                  <a:pt x="1865" y="3725"/>
                </a:cubicBezTo>
                <a:cubicBezTo>
                  <a:pt x="1855" y="3745"/>
                  <a:pt x="1840" y="3742"/>
                  <a:pt x="1841" y="3762"/>
                </a:cubicBezTo>
                <a:cubicBezTo>
                  <a:pt x="1826" y="3766"/>
                  <a:pt x="1825" y="3742"/>
                  <a:pt x="1841" y="3737"/>
                </a:cubicBezTo>
                <a:cubicBezTo>
                  <a:pt x="1822" y="3730"/>
                  <a:pt x="1817" y="3772"/>
                  <a:pt x="1803" y="3747"/>
                </a:cubicBezTo>
                <a:cubicBezTo>
                  <a:pt x="1798" y="3755"/>
                  <a:pt x="1797" y="3782"/>
                  <a:pt x="1779" y="3776"/>
                </a:cubicBezTo>
                <a:cubicBezTo>
                  <a:pt x="1769" y="3788"/>
                  <a:pt x="1790" y="3782"/>
                  <a:pt x="1791" y="3793"/>
                </a:cubicBezTo>
                <a:cubicBezTo>
                  <a:pt x="1777" y="3802"/>
                  <a:pt x="1768" y="3782"/>
                  <a:pt x="1754" y="3794"/>
                </a:cubicBezTo>
                <a:cubicBezTo>
                  <a:pt x="1765" y="3800"/>
                  <a:pt x="1778" y="3798"/>
                  <a:pt x="1788" y="3807"/>
                </a:cubicBezTo>
                <a:cubicBezTo>
                  <a:pt x="1773" y="3819"/>
                  <a:pt x="1764" y="3806"/>
                  <a:pt x="1749" y="3816"/>
                </a:cubicBezTo>
                <a:cubicBezTo>
                  <a:pt x="1755" y="3824"/>
                  <a:pt x="1741" y="3829"/>
                  <a:pt x="1752" y="3838"/>
                </a:cubicBezTo>
                <a:cubicBezTo>
                  <a:pt x="1758" y="3815"/>
                  <a:pt x="1770" y="3821"/>
                  <a:pt x="1789" y="3818"/>
                </a:cubicBezTo>
                <a:cubicBezTo>
                  <a:pt x="1790" y="3832"/>
                  <a:pt x="1739" y="3866"/>
                  <a:pt x="1721" y="3859"/>
                </a:cubicBezTo>
                <a:cubicBezTo>
                  <a:pt x="1717" y="3870"/>
                  <a:pt x="1692" y="3875"/>
                  <a:pt x="1702" y="3888"/>
                </a:cubicBezTo>
                <a:close/>
                <a:moveTo>
                  <a:pt x="2613" y="2062"/>
                </a:moveTo>
                <a:cubicBezTo>
                  <a:pt x="2623" y="2060"/>
                  <a:pt x="2612" y="2040"/>
                  <a:pt x="2620" y="2036"/>
                </a:cubicBezTo>
                <a:cubicBezTo>
                  <a:pt x="2625" y="2039"/>
                  <a:pt x="2629" y="2045"/>
                  <a:pt x="2632" y="2051"/>
                </a:cubicBezTo>
                <a:cubicBezTo>
                  <a:pt x="2646" y="2040"/>
                  <a:pt x="2626" y="2023"/>
                  <a:pt x="2610" y="2032"/>
                </a:cubicBezTo>
                <a:cubicBezTo>
                  <a:pt x="2616" y="2049"/>
                  <a:pt x="2603" y="2054"/>
                  <a:pt x="2613" y="2062"/>
                </a:cubicBezTo>
                <a:close/>
                <a:moveTo>
                  <a:pt x="2611" y="1855"/>
                </a:moveTo>
                <a:cubicBezTo>
                  <a:pt x="2625" y="1860"/>
                  <a:pt x="2592" y="1823"/>
                  <a:pt x="2602" y="1809"/>
                </a:cubicBezTo>
                <a:cubicBezTo>
                  <a:pt x="2591" y="1826"/>
                  <a:pt x="2582" y="1803"/>
                  <a:pt x="2574" y="1794"/>
                </a:cubicBezTo>
                <a:cubicBezTo>
                  <a:pt x="2559" y="1808"/>
                  <a:pt x="2575" y="1820"/>
                  <a:pt x="2578" y="1840"/>
                </a:cubicBezTo>
                <a:cubicBezTo>
                  <a:pt x="2585" y="1815"/>
                  <a:pt x="2602" y="1844"/>
                  <a:pt x="2611" y="1855"/>
                </a:cubicBezTo>
                <a:close/>
                <a:moveTo>
                  <a:pt x="2612" y="2130"/>
                </a:moveTo>
                <a:cubicBezTo>
                  <a:pt x="2610" y="2143"/>
                  <a:pt x="2630" y="2159"/>
                  <a:pt x="2637" y="2145"/>
                </a:cubicBezTo>
                <a:cubicBezTo>
                  <a:pt x="2645" y="2144"/>
                  <a:pt x="2621" y="2140"/>
                  <a:pt x="2612" y="2130"/>
                </a:cubicBezTo>
                <a:close/>
                <a:moveTo>
                  <a:pt x="428" y="3490"/>
                </a:moveTo>
                <a:cubicBezTo>
                  <a:pt x="487" y="3498"/>
                  <a:pt x="551" y="3506"/>
                  <a:pt x="606" y="3503"/>
                </a:cubicBezTo>
                <a:cubicBezTo>
                  <a:pt x="621" y="3507"/>
                  <a:pt x="645" y="3519"/>
                  <a:pt x="654" y="3493"/>
                </a:cubicBezTo>
                <a:cubicBezTo>
                  <a:pt x="644" y="3503"/>
                  <a:pt x="632" y="3485"/>
                  <a:pt x="622" y="3498"/>
                </a:cubicBezTo>
                <a:cubicBezTo>
                  <a:pt x="615" y="3491"/>
                  <a:pt x="626" y="3486"/>
                  <a:pt x="619" y="3483"/>
                </a:cubicBezTo>
                <a:cubicBezTo>
                  <a:pt x="451" y="3510"/>
                  <a:pt x="313" y="3380"/>
                  <a:pt x="158" y="3339"/>
                </a:cubicBezTo>
                <a:cubicBezTo>
                  <a:pt x="175" y="3301"/>
                  <a:pt x="132" y="3297"/>
                  <a:pt x="110" y="3302"/>
                </a:cubicBezTo>
                <a:cubicBezTo>
                  <a:pt x="114" y="3274"/>
                  <a:pt x="86" y="3294"/>
                  <a:pt x="92" y="3272"/>
                </a:cubicBezTo>
                <a:cubicBezTo>
                  <a:pt x="103" y="3265"/>
                  <a:pt x="116" y="3284"/>
                  <a:pt x="126" y="3266"/>
                </a:cubicBezTo>
                <a:cubicBezTo>
                  <a:pt x="165" y="3204"/>
                  <a:pt x="70" y="3247"/>
                  <a:pt x="69" y="3216"/>
                </a:cubicBezTo>
                <a:cubicBezTo>
                  <a:pt x="84" y="3225"/>
                  <a:pt x="113" y="3196"/>
                  <a:pt x="135" y="3210"/>
                </a:cubicBezTo>
                <a:cubicBezTo>
                  <a:pt x="132" y="3207"/>
                  <a:pt x="148" y="3171"/>
                  <a:pt x="145" y="3187"/>
                </a:cubicBezTo>
                <a:cubicBezTo>
                  <a:pt x="129" y="3217"/>
                  <a:pt x="154" y="3198"/>
                  <a:pt x="152" y="3218"/>
                </a:cubicBezTo>
                <a:cubicBezTo>
                  <a:pt x="161" y="3221"/>
                  <a:pt x="169" y="3209"/>
                  <a:pt x="176" y="3196"/>
                </a:cubicBezTo>
                <a:cubicBezTo>
                  <a:pt x="177" y="3173"/>
                  <a:pt x="156" y="3168"/>
                  <a:pt x="154" y="3147"/>
                </a:cubicBezTo>
                <a:cubicBezTo>
                  <a:pt x="163" y="3128"/>
                  <a:pt x="174" y="3124"/>
                  <a:pt x="178" y="3136"/>
                </a:cubicBezTo>
                <a:cubicBezTo>
                  <a:pt x="233" y="3113"/>
                  <a:pt x="283" y="3204"/>
                  <a:pt x="329" y="3177"/>
                </a:cubicBezTo>
                <a:cubicBezTo>
                  <a:pt x="348" y="3188"/>
                  <a:pt x="379" y="3224"/>
                  <a:pt x="407" y="3193"/>
                </a:cubicBezTo>
                <a:cubicBezTo>
                  <a:pt x="421" y="3204"/>
                  <a:pt x="435" y="3200"/>
                  <a:pt x="452" y="3201"/>
                </a:cubicBezTo>
                <a:cubicBezTo>
                  <a:pt x="451" y="3214"/>
                  <a:pt x="455" y="3220"/>
                  <a:pt x="464" y="3219"/>
                </a:cubicBezTo>
                <a:cubicBezTo>
                  <a:pt x="462" y="3208"/>
                  <a:pt x="466" y="3212"/>
                  <a:pt x="467" y="3199"/>
                </a:cubicBezTo>
                <a:cubicBezTo>
                  <a:pt x="461" y="3196"/>
                  <a:pt x="454" y="3194"/>
                  <a:pt x="452" y="3186"/>
                </a:cubicBezTo>
                <a:cubicBezTo>
                  <a:pt x="456" y="3180"/>
                  <a:pt x="464" y="3188"/>
                  <a:pt x="464" y="3168"/>
                </a:cubicBezTo>
                <a:cubicBezTo>
                  <a:pt x="448" y="3165"/>
                  <a:pt x="446" y="3143"/>
                  <a:pt x="433" y="3137"/>
                </a:cubicBezTo>
                <a:cubicBezTo>
                  <a:pt x="438" y="3136"/>
                  <a:pt x="440" y="3124"/>
                  <a:pt x="446" y="3129"/>
                </a:cubicBezTo>
                <a:cubicBezTo>
                  <a:pt x="451" y="3159"/>
                  <a:pt x="477" y="3161"/>
                  <a:pt x="477" y="3201"/>
                </a:cubicBezTo>
                <a:cubicBezTo>
                  <a:pt x="483" y="3197"/>
                  <a:pt x="489" y="3176"/>
                  <a:pt x="487" y="3167"/>
                </a:cubicBezTo>
                <a:cubicBezTo>
                  <a:pt x="511" y="3142"/>
                  <a:pt x="578" y="3186"/>
                  <a:pt x="543" y="3124"/>
                </a:cubicBezTo>
                <a:cubicBezTo>
                  <a:pt x="560" y="3123"/>
                  <a:pt x="542" y="3111"/>
                  <a:pt x="543" y="3099"/>
                </a:cubicBezTo>
                <a:cubicBezTo>
                  <a:pt x="597" y="3150"/>
                  <a:pt x="697" y="3076"/>
                  <a:pt x="772" y="3090"/>
                </a:cubicBezTo>
                <a:cubicBezTo>
                  <a:pt x="864" y="3090"/>
                  <a:pt x="947" y="3042"/>
                  <a:pt x="1036" y="3031"/>
                </a:cubicBezTo>
                <a:cubicBezTo>
                  <a:pt x="1059" y="3047"/>
                  <a:pt x="1091" y="3043"/>
                  <a:pt x="1095" y="3024"/>
                </a:cubicBezTo>
                <a:cubicBezTo>
                  <a:pt x="1107" y="3031"/>
                  <a:pt x="1134" y="3018"/>
                  <a:pt x="1148" y="3012"/>
                </a:cubicBezTo>
                <a:cubicBezTo>
                  <a:pt x="1149" y="3012"/>
                  <a:pt x="1150" y="3011"/>
                  <a:pt x="1153" y="3010"/>
                </a:cubicBezTo>
                <a:cubicBezTo>
                  <a:pt x="1152" y="3010"/>
                  <a:pt x="1150" y="3011"/>
                  <a:pt x="1148" y="3012"/>
                </a:cubicBezTo>
                <a:cubicBezTo>
                  <a:pt x="1143" y="3012"/>
                  <a:pt x="1149" y="3002"/>
                  <a:pt x="1147" y="2996"/>
                </a:cubicBezTo>
                <a:cubicBezTo>
                  <a:pt x="1128" y="3005"/>
                  <a:pt x="1119" y="3018"/>
                  <a:pt x="1102" y="2998"/>
                </a:cubicBezTo>
                <a:cubicBezTo>
                  <a:pt x="1101" y="3001"/>
                  <a:pt x="1100" y="3005"/>
                  <a:pt x="1101" y="3010"/>
                </a:cubicBezTo>
                <a:cubicBezTo>
                  <a:pt x="1103" y="3010"/>
                  <a:pt x="1105" y="3008"/>
                  <a:pt x="1108" y="3012"/>
                </a:cubicBezTo>
                <a:cubicBezTo>
                  <a:pt x="1097" y="3026"/>
                  <a:pt x="1094" y="2982"/>
                  <a:pt x="1082" y="2986"/>
                </a:cubicBezTo>
                <a:cubicBezTo>
                  <a:pt x="1093" y="3010"/>
                  <a:pt x="1065" y="2990"/>
                  <a:pt x="1084" y="3019"/>
                </a:cubicBezTo>
                <a:cubicBezTo>
                  <a:pt x="1092" y="3018"/>
                  <a:pt x="1087" y="3004"/>
                  <a:pt x="1097" y="3018"/>
                </a:cubicBezTo>
                <a:cubicBezTo>
                  <a:pt x="1079" y="3030"/>
                  <a:pt x="1058" y="3034"/>
                  <a:pt x="1045" y="3033"/>
                </a:cubicBezTo>
                <a:cubicBezTo>
                  <a:pt x="1045" y="3015"/>
                  <a:pt x="1070" y="3027"/>
                  <a:pt x="1077" y="3017"/>
                </a:cubicBezTo>
                <a:cubicBezTo>
                  <a:pt x="1055" y="2972"/>
                  <a:pt x="1092" y="2994"/>
                  <a:pt x="1086" y="2961"/>
                </a:cubicBezTo>
                <a:cubicBezTo>
                  <a:pt x="1050" y="2962"/>
                  <a:pt x="1072" y="2987"/>
                  <a:pt x="1053" y="2996"/>
                </a:cubicBezTo>
                <a:cubicBezTo>
                  <a:pt x="1049" y="2983"/>
                  <a:pt x="1029" y="3009"/>
                  <a:pt x="1017" y="3002"/>
                </a:cubicBezTo>
                <a:cubicBezTo>
                  <a:pt x="1015" y="3010"/>
                  <a:pt x="1014" y="3045"/>
                  <a:pt x="998" y="3010"/>
                </a:cubicBezTo>
                <a:cubicBezTo>
                  <a:pt x="1008" y="3010"/>
                  <a:pt x="1019" y="3007"/>
                  <a:pt x="1013" y="2987"/>
                </a:cubicBezTo>
                <a:cubicBezTo>
                  <a:pt x="1026" y="2972"/>
                  <a:pt x="1054" y="3000"/>
                  <a:pt x="1056" y="2978"/>
                </a:cubicBezTo>
                <a:cubicBezTo>
                  <a:pt x="1046" y="2981"/>
                  <a:pt x="1036" y="2977"/>
                  <a:pt x="1026" y="2965"/>
                </a:cubicBezTo>
                <a:cubicBezTo>
                  <a:pt x="1033" y="2958"/>
                  <a:pt x="1042" y="2980"/>
                  <a:pt x="1049" y="2970"/>
                </a:cubicBezTo>
                <a:cubicBezTo>
                  <a:pt x="1045" y="2964"/>
                  <a:pt x="1042" y="2964"/>
                  <a:pt x="1038" y="2959"/>
                </a:cubicBezTo>
                <a:cubicBezTo>
                  <a:pt x="1052" y="2962"/>
                  <a:pt x="1073" y="2960"/>
                  <a:pt x="1065" y="2939"/>
                </a:cubicBezTo>
                <a:cubicBezTo>
                  <a:pt x="1044" y="2940"/>
                  <a:pt x="1029" y="2945"/>
                  <a:pt x="1013" y="2944"/>
                </a:cubicBezTo>
                <a:cubicBezTo>
                  <a:pt x="1022" y="2961"/>
                  <a:pt x="1015" y="2956"/>
                  <a:pt x="1011" y="2945"/>
                </a:cubicBezTo>
                <a:cubicBezTo>
                  <a:pt x="1018" y="2917"/>
                  <a:pt x="1045" y="2949"/>
                  <a:pt x="1040" y="2913"/>
                </a:cubicBezTo>
                <a:cubicBezTo>
                  <a:pt x="1033" y="2920"/>
                  <a:pt x="1017" y="2909"/>
                  <a:pt x="1017" y="2925"/>
                </a:cubicBezTo>
                <a:cubicBezTo>
                  <a:pt x="1005" y="2907"/>
                  <a:pt x="986" y="2904"/>
                  <a:pt x="974" y="2917"/>
                </a:cubicBezTo>
                <a:cubicBezTo>
                  <a:pt x="985" y="2875"/>
                  <a:pt x="1033" y="2918"/>
                  <a:pt x="1057" y="2909"/>
                </a:cubicBezTo>
                <a:cubicBezTo>
                  <a:pt x="1050" y="2893"/>
                  <a:pt x="1035" y="2901"/>
                  <a:pt x="1034" y="2882"/>
                </a:cubicBezTo>
                <a:cubicBezTo>
                  <a:pt x="1074" y="2895"/>
                  <a:pt x="1080" y="2835"/>
                  <a:pt x="1103" y="2821"/>
                </a:cubicBezTo>
                <a:cubicBezTo>
                  <a:pt x="1072" y="2820"/>
                  <a:pt x="1052" y="2825"/>
                  <a:pt x="1041" y="2844"/>
                </a:cubicBezTo>
                <a:cubicBezTo>
                  <a:pt x="1037" y="2848"/>
                  <a:pt x="1038" y="2830"/>
                  <a:pt x="1031" y="2833"/>
                </a:cubicBezTo>
                <a:cubicBezTo>
                  <a:pt x="1027" y="2855"/>
                  <a:pt x="990" y="2857"/>
                  <a:pt x="964" y="2857"/>
                </a:cubicBezTo>
                <a:cubicBezTo>
                  <a:pt x="968" y="2863"/>
                  <a:pt x="970" y="2863"/>
                  <a:pt x="971" y="2870"/>
                </a:cubicBezTo>
                <a:cubicBezTo>
                  <a:pt x="944" y="2842"/>
                  <a:pt x="937" y="2875"/>
                  <a:pt x="920" y="2869"/>
                </a:cubicBezTo>
                <a:cubicBezTo>
                  <a:pt x="921" y="2868"/>
                  <a:pt x="923" y="2868"/>
                  <a:pt x="922" y="2863"/>
                </a:cubicBezTo>
                <a:cubicBezTo>
                  <a:pt x="901" y="2886"/>
                  <a:pt x="863" y="2896"/>
                  <a:pt x="831" y="2877"/>
                </a:cubicBezTo>
                <a:cubicBezTo>
                  <a:pt x="837" y="2897"/>
                  <a:pt x="837" y="2897"/>
                  <a:pt x="837" y="2897"/>
                </a:cubicBezTo>
                <a:cubicBezTo>
                  <a:pt x="818" y="2891"/>
                  <a:pt x="797" y="2884"/>
                  <a:pt x="776" y="2884"/>
                </a:cubicBezTo>
                <a:cubicBezTo>
                  <a:pt x="764" y="2889"/>
                  <a:pt x="753" y="2899"/>
                  <a:pt x="761" y="2917"/>
                </a:cubicBezTo>
                <a:cubicBezTo>
                  <a:pt x="752" y="2920"/>
                  <a:pt x="746" y="2906"/>
                  <a:pt x="737" y="2914"/>
                </a:cubicBezTo>
                <a:cubicBezTo>
                  <a:pt x="730" y="2929"/>
                  <a:pt x="750" y="2937"/>
                  <a:pt x="721" y="2944"/>
                </a:cubicBezTo>
                <a:cubicBezTo>
                  <a:pt x="712" y="3003"/>
                  <a:pt x="768" y="2931"/>
                  <a:pt x="771" y="2961"/>
                </a:cubicBezTo>
                <a:cubicBezTo>
                  <a:pt x="780" y="2959"/>
                  <a:pt x="772" y="2950"/>
                  <a:pt x="777" y="2947"/>
                </a:cubicBezTo>
                <a:cubicBezTo>
                  <a:pt x="773" y="2936"/>
                  <a:pt x="762" y="2958"/>
                  <a:pt x="760" y="2940"/>
                </a:cubicBezTo>
                <a:cubicBezTo>
                  <a:pt x="762" y="2928"/>
                  <a:pt x="775" y="2928"/>
                  <a:pt x="781" y="2945"/>
                </a:cubicBezTo>
                <a:cubicBezTo>
                  <a:pt x="797" y="2932"/>
                  <a:pt x="789" y="2910"/>
                  <a:pt x="811" y="2899"/>
                </a:cubicBezTo>
                <a:cubicBezTo>
                  <a:pt x="812" y="2908"/>
                  <a:pt x="805" y="2915"/>
                  <a:pt x="795" y="2920"/>
                </a:cubicBezTo>
                <a:cubicBezTo>
                  <a:pt x="799" y="2933"/>
                  <a:pt x="806" y="2928"/>
                  <a:pt x="810" y="2939"/>
                </a:cubicBezTo>
                <a:cubicBezTo>
                  <a:pt x="790" y="2949"/>
                  <a:pt x="786" y="2966"/>
                  <a:pt x="777" y="2980"/>
                </a:cubicBezTo>
                <a:cubicBezTo>
                  <a:pt x="773" y="2951"/>
                  <a:pt x="692" y="3003"/>
                  <a:pt x="670" y="2969"/>
                </a:cubicBezTo>
                <a:cubicBezTo>
                  <a:pt x="668" y="2974"/>
                  <a:pt x="664" y="2978"/>
                  <a:pt x="657" y="2981"/>
                </a:cubicBezTo>
                <a:cubicBezTo>
                  <a:pt x="645" y="2971"/>
                  <a:pt x="631" y="2968"/>
                  <a:pt x="614" y="2974"/>
                </a:cubicBezTo>
                <a:cubicBezTo>
                  <a:pt x="584" y="2951"/>
                  <a:pt x="539" y="2959"/>
                  <a:pt x="518" y="2935"/>
                </a:cubicBezTo>
                <a:cubicBezTo>
                  <a:pt x="531" y="2939"/>
                  <a:pt x="548" y="2919"/>
                  <a:pt x="541" y="2921"/>
                </a:cubicBezTo>
                <a:cubicBezTo>
                  <a:pt x="565" y="2905"/>
                  <a:pt x="605" y="2897"/>
                  <a:pt x="643" y="2887"/>
                </a:cubicBezTo>
                <a:cubicBezTo>
                  <a:pt x="593" y="2877"/>
                  <a:pt x="543" y="2854"/>
                  <a:pt x="494" y="2854"/>
                </a:cubicBezTo>
                <a:cubicBezTo>
                  <a:pt x="496" y="2854"/>
                  <a:pt x="497" y="2852"/>
                  <a:pt x="498" y="2845"/>
                </a:cubicBezTo>
                <a:cubicBezTo>
                  <a:pt x="468" y="2866"/>
                  <a:pt x="438" y="2848"/>
                  <a:pt x="409" y="2837"/>
                </a:cubicBezTo>
                <a:cubicBezTo>
                  <a:pt x="403" y="2843"/>
                  <a:pt x="398" y="2856"/>
                  <a:pt x="392" y="2863"/>
                </a:cubicBezTo>
                <a:cubicBezTo>
                  <a:pt x="398" y="2843"/>
                  <a:pt x="398" y="2853"/>
                  <a:pt x="405" y="2831"/>
                </a:cubicBezTo>
                <a:cubicBezTo>
                  <a:pt x="386" y="2847"/>
                  <a:pt x="368" y="2839"/>
                  <a:pt x="359" y="2824"/>
                </a:cubicBezTo>
                <a:cubicBezTo>
                  <a:pt x="357" y="2828"/>
                  <a:pt x="355" y="2833"/>
                  <a:pt x="353" y="2838"/>
                </a:cubicBezTo>
                <a:cubicBezTo>
                  <a:pt x="350" y="2815"/>
                  <a:pt x="339" y="2805"/>
                  <a:pt x="325" y="2815"/>
                </a:cubicBezTo>
                <a:cubicBezTo>
                  <a:pt x="327" y="2815"/>
                  <a:pt x="329" y="2808"/>
                  <a:pt x="332" y="2802"/>
                </a:cubicBezTo>
                <a:cubicBezTo>
                  <a:pt x="325" y="2794"/>
                  <a:pt x="320" y="2789"/>
                  <a:pt x="313" y="2803"/>
                </a:cubicBezTo>
                <a:cubicBezTo>
                  <a:pt x="310" y="2797"/>
                  <a:pt x="304" y="2797"/>
                  <a:pt x="294" y="2811"/>
                </a:cubicBezTo>
                <a:cubicBezTo>
                  <a:pt x="290" y="2804"/>
                  <a:pt x="304" y="2789"/>
                  <a:pt x="303" y="2782"/>
                </a:cubicBezTo>
                <a:cubicBezTo>
                  <a:pt x="232" y="2774"/>
                  <a:pt x="162" y="2716"/>
                  <a:pt x="118" y="2658"/>
                </a:cubicBezTo>
                <a:cubicBezTo>
                  <a:pt x="165" y="2694"/>
                  <a:pt x="218" y="2719"/>
                  <a:pt x="259" y="2764"/>
                </a:cubicBezTo>
                <a:cubicBezTo>
                  <a:pt x="266" y="2751"/>
                  <a:pt x="266" y="2775"/>
                  <a:pt x="273" y="2755"/>
                </a:cubicBezTo>
                <a:cubicBezTo>
                  <a:pt x="295" y="2786"/>
                  <a:pt x="348" y="2768"/>
                  <a:pt x="368" y="2801"/>
                </a:cubicBezTo>
                <a:cubicBezTo>
                  <a:pt x="371" y="2795"/>
                  <a:pt x="373" y="2787"/>
                  <a:pt x="375" y="2787"/>
                </a:cubicBezTo>
                <a:cubicBezTo>
                  <a:pt x="367" y="2805"/>
                  <a:pt x="372" y="2807"/>
                  <a:pt x="373" y="2813"/>
                </a:cubicBezTo>
                <a:cubicBezTo>
                  <a:pt x="383" y="2794"/>
                  <a:pt x="388" y="2819"/>
                  <a:pt x="403" y="2798"/>
                </a:cubicBezTo>
                <a:cubicBezTo>
                  <a:pt x="398" y="2820"/>
                  <a:pt x="423" y="2806"/>
                  <a:pt x="429" y="2802"/>
                </a:cubicBezTo>
                <a:cubicBezTo>
                  <a:pt x="429" y="2808"/>
                  <a:pt x="426" y="2820"/>
                  <a:pt x="429" y="2822"/>
                </a:cubicBezTo>
                <a:cubicBezTo>
                  <a:pt x="434" y="2805"/>
                  <a:pt x="436" y="2826"/>
                  <a:pt x="444" y="2811"/>
                </a:cubicBezTo>
                <a:cubicBezTo>
                  <a:pt x="443" y="2834"/>
                  <a:pt x="455" y="2823"/>
                  <a:pt x="461" y="2832"/>
                </a:cubicBezTo>
                <a:cubicBezTo>
                  <a:pt x="469" y="2802"/>
                  <a:pt x="475" y="2821"/>
                  <a:pt x="483" y="2822"/>
                </a:cubicBezTo>
                <a:cubicBezTo>
                  <a:pt x="486" y="2830"/>
                  <a:pt x="479" y="2834"/>
                  <a:pt x="482" y="2837"/>
                </a:cubicBezTo>
                <a:cubicBezTo>
                  <a:pt x="528" y="2833"/>
                  <a:pt x="567" y="2851"/>
                  <a:pt x="613" y="2835"/>
                </a:cubicBezTo>
                <a:cubicBezTo>
                  <a:pt x="612" y="2834"/>
                  <a:pt x="610" y="2835"/>
                  <a:pt x="610" y="2830"/>
                </a:cubicBezTo>
                <a:cubicBezTo>
                  <a:pt x="615" y="2827"/>
                  <a:pt x="613" y="2844"/>
                  <a:pt x="618" y="2840"/>
                </a:cubicBezTo>
                <a:cubicBezTo>
                  <a:pt x="618" y="2827"/>
                  <a:pt x="621" y="2830"/>
                  <a:pt x="618" y="2820"/>
                </a:cubicBezTo>
                <a:cubicBezTo>
                  <a:pt x="626" y="2830"/>
                  <a:pt x="636" y="2819"/>
                  <a:pt x="643" y="2815"/>
                </a:cubicBezTo>
                <a:cubicBezTo>
                  <a:pt x="646" y="2831"/>
                  <a:pt x="641" y="2827"/>
                  <a:pt x="641" y="2835"/>
                </a:cubicBezTo>
                <a:cubicBezTo>
                  <a:pt x="645" y="2833"/>
                  <a:pt x="645" y="2844"/>
                  <a:pt x="649" y="2840"/>
                </a:cubicBezTo>
                <a:cubicBezTo>
                  <a:pt x="649" y="2830"/>
                  <a:pt x="645" y="2834"/>
                  <a:pt x="645" y="2820"/>
                </a:cubicBezTo>
                <a:cubicBezTo>
                  <a:pt x="652" y="2814"/>
                  <a:pt x="651" y="2837"/>
                  <a:pt x="659" y="2830"/>
                </a:cubicBezTo>
                <a:cubicBezTo>
                  <a:pt x="656" y="2807"/>
                  <a:pt x="667" y="2825"/>
                  <a:pt x="670" y="2811"/>
                </a:cubicBezTo>
                <a:cubicBezTo>
                  <a:pt x="675" y="2829"/>
                  <a:pt x="676" y="2829"/>
                  <a:pt x="676" y="2841"/>
                </a:cubicBezTo>
                <a:cubicBezTo>
                  <a:pt x="680" y="2836"/>
                  <a:pt x="683" y="2832"/>
                  <a:pt x="686" y="2844"/>
                </a:cubicBezTo>
                <a:cubicBezTo>
                  <a:pt x="686" y="2840"/>
                  <a:pt x="685" y="2835"/>
                  <a:pt x="685" y="2830"/>
                </a:cubicBezTo>
                <a:cubicBezTo>
                  <a:pt x="688" y="2834"/>
                  <a:pt x="704" y="2852"/>
                  <a:pt x="703" y="2828"/>
                </a:cubicBezTo>
                <a:cubicBezTo>
                  <a:pt x="696" y="2835"/>
                  <a:pt x="687" y="2809"/>
                  <a:pt x="680" y="2830"/>
                </a:cubicBezTo>
                <a:cubicBezTo>
                  <a:pt x="677" y="2790"/>
                  <a:pt x="713" y="2835"/>
                  <a:pt x="713" y="2797"/>
                </a:cubicBezTo>
                <a:cubicBezTo>
                  <a:pt x="678" y="2795"/>
                  <a:pt x="652" y="2803"/>
                  <a:pt x="616" y="2805"/>
                </a:cubicBezTo>
                <a:cubicBezTo>
                  <a:pt x="616" y="2797"/>
                  <a:pt x="619" y="2793"/>
                  <a:pt x="616" y="2790"/>
                </a:cubicBezTo>
                <a:cubicBezTo>
                  <a:pt x="614" y="2793"/>
                  <a:pt x="607" y="2784"/>
                  <a:pt x="607" y="2795"/>
                </a:cubicBezTo>
                <a:cubicBezTo>
                  <a:pt x="609" y="2808"/>
                  <a:pt x="613" y="2783"/>
                  <a:pt x="613" y="2805"/>
                </a:cubicBezTo>
                <a:cubicBezTo>
                  <a:pt x="605" y="2807"/>
                  <a:pt x="590" y="2802"/>
                  <a:pt x="587" y="2798"/>
                </a:cubicBezTo>
                <a:cubicBezTo>
                  <a:pt x="590" y="2798"/>
                  <a:pt x="597" y="2785"/>
                  <a:pt x="592" y="2773"/>
                </a:cubicBezTo>
                <a:cubicBezTo>
                  <a:pt x="566" y="2794"/>
                  <a:pt x="534" y="2775"/>
                  <a:pt x="509" y="2771"/>
                </a:cubicBezTo>
                <a:cubicBezTo>
                  <a:pt x="472" y="2768"/>
                  <a:pt x="434" y="2770"/>
                  <a:pt x="397" y="2764"/>
                </a:cubicBezTo>
                <a:cubicBezTo>
                  <a:pt x="394" y="2773"/>
                  <a:pt x="394" y="2773"/>
                  <a:pt x="394" y="2773"/>
                </a:cubicBezTo>
                <a:cubicBezTo>
                  <a:pt x="387" y="2746"/>
                  <a:pt x="364" y="2773"/>
                  <a:pt x="362" y="2745"/>
                </a:cubicBezTo>
                <a:cubicBezTo>
                  <a:pt x="356" y="2747"/>
                  <a:pt x="351" y="2749"/>
                  <a:pt x="344" y="2764"/>
                </a:cubicBezTo>
                <a:cubicBezTo>
                  <a:pt x="342" y="2760"/>
                  <a:pt x="333" y="2765"/>
                  <a:pt x="337" y="2754"/>
                </a:cubicBezTo>
                <a:cubicBezTo>
                  <a:pt x="343" y="2759"/>
                  <a:pt x="349" y="2754"/>
                  <a:pt x="357" y="2737"/>
                </a:cubicBezTo>
                <a:cubicBezTo>
                  <a:pt x="350" y="2731"/>
                  <a:pt x="328" y="2723"/>
                  <a:pt x="315" y="2726"/>
                </a:cubicBezTo>
                <a:cubicBezTo>
                  <a:pt x="310" y="2704"/>
                  <a:pt x="283" y="2706"/>
                  <a:pt x="281" y="2684"/>
                </a:cubicBezTo>
                <a:cubicBezTo>
                  <a:pt x="296" y="2675"/>
                  <a:pt x="297" y="2716"/>
                  <a:pt x="321" y="2673"/>
                </a:cubicBezTo>
                <a:cubicBezTo>
                  <a:pt x="307" y="2679"/>
                  <a:pt x="317" y="2645"/>
                  <a:pt x="301" y="2655"/>
                </a:cubicBezTo>
                <a:cubicBezTo>
                  <a:pt x="309" y="2640"/>
                  <a:pt x="307" y="2638"/>
                  <a:pt x="298" y="2641"/>
                </a:cubicBezTo>
                <a:cubicBezTo>
                  <a:pt x="313" y="2603"/>
                  <a:pt x="273" y="2628"/>
                  <a:pt x="279" y="2598"/>
                </a:cubicBezTo>
                <a:cubicBezTo>
                  <a:pt x="270" y="2606"/>
                  <a:pt x="262" y="2609"/>
                  <a:pt x="255" y="2611"/>
                </a:cubicBezTo>
                <a:cubicBezTo>
                  <a:pt x="263" y="2597"/>
                  <a:pt x="263" y="2608"/>
                  <a:pt x="267" y="2595"/>
                </a:cubicBezTo>
                <a:cubicBezTo>
                  <a:pt x="271" y="2594"/>
                  <a:pt x="270" y="2605"/>
                  <a:pt x="277" y="2596"/>
                </a:cubicBezTo>
                <a:cubicBezTo>
                  <a:pt x="259" y="2573"/>
                  <a:pt x="250" y="2550"/>
                  <a:pt x="234" y="2528"/>
                </a:cubicBezTo>
                <a:cubicBezTo>
                  <a:pt x="265" y="2492"/>
                  <a:pt x="230" y="2512"/>
                  <a:pt x="234" y="2501"/>
                </a:cubicBezTo>
                <a:cubicBezTo>
                  <a:pt x="254" y="2487"/>
                  <a:pt x="229" y="2491"/>
                  <a:pt x="227" y="2486"/>
                </a:cubicBezTo>
                <a:cubicBezTo>
                  <a:pt x="221" y="2476"/>
                  <a:pt x="223" y="2457"/>
                  <a:pt x="226" y="2447"/>
                </a:cubicBezTo>
                <a:cubicBezTo>
                  <a:pt x="246" y="2434"/>
                  <a:pt x="227" y="2462"/>
                  <a:pt x="242" y="2457"/>
                </a:cubicBezTo>
                <a:cubicBezTo>
                  <a:pt x="250" y="2449"/>
                  <a:pt x="256" y="2441"/>
                  <a:pt x="257" y="2437"/>
                </a:cubicBezTo>
                <a:cubicBezTo>
                  <a:pt x="250" y="2442"/>
                  <a:pt x="252" y="2432"/>
                  <a:pt x="263" y="2422"/>
                </a:cubicBezTo>
                <a:cubicBezTo>
                  <a:pt x="263" y="2431"/>
                  <a:pt x="270" y="2428"/>
                  <a:pt x="279" y="2425"/>
                </a:cubicBezTo>
                <a:cubicBezTo>
                  <a:pt x="285" y="2410"/>
                  <a:pt x="303" y="2383"/>
                  <a:pt x="276" y="2399"/>
                </a:cubicBezTo>
                <a:cubicBezTo>
                  <a:pt x="290" y="2380"/>
                  <a:pt x="277" y="2382"/>
                  <a:pt x="279" y="2370"/>
                </a:cubicBezTo>
                <a:cubicBezTo>
                  <a:pt x="300" y="2353"/>
                  <a:pt x="289" y="2351"/>
                  <a:pt x="287" y="2346"/>
                </a:cubicBezTo>
                <a:cubicBezTo>
                  <a:pt x="302" y="2328"/>
                  <a:pt x="313" y="2324"/>
                  <a:pt x="314" y="2315"/>
                </a:cubicBezTo>
                <a:cubicBezTo>
                  <a:pt x="323" y="2311"/>
                  <a:pt x="312" y="2322"/>
                  <a:pt x="321" y="2316"/>
                </a:cubicBezTo>
                <a:cubicBezTo>
                  <a:pt x="338" y="2300"/>
                  <a:pt x="356" y="2284"/>
                  <a:pt x="351" y="2282"/>
                </a:cubicBezTo>
                <a:cubicBezTo>
                  <a:pt x="346" y="2286"/>
                  <a:pt x="345" y="2288"/>
                  <a:pt x="340" y="2292"/>
                </a:cubicBezTo>
                <a:cubicBezTo>
                  <a:pt x="340" y="2285"/>
                  <a:pt x="350" y="2274"/>
                  <a:pt x="355" y="2270"/>
                </a:cubicBezTo>
                <a:cubicBezTo>
                  <a:pt x="344" y="2274"/>
                  <a:pt x="356" y="2266"/>
                  <a:pt x="357" y="2263"/>
                </a:cubicBezTo>
                <a:cubicBezTo>
                  <a:pt x="360" y="2257"/>
                  <a:pt x="342" y="2262"/>
                  <a:pt x="365" y="2245"/>
                </a:cubicBezTo>
                <a:cubicBezTo>
                  <a:pt x="356" y="2247"/>
                  <a:pt x="346" y="2245"/>
                  <a:pt x="335" y="2238"/>
                </a:cubicBezTo>
                <a:cubicBezTo>
                  <a:pt x="337" y="2210"/>
                  <a:pt x="327" y="2186"/>
                  <a:pt x="302" y="2167"/>
                </a:cubicBezTo>
                <a:cubicBezTo>
                  <a:pt x="304" y="2098"/>
                  <a:pt x="247" y="2041"/>
                  <a:pt x="260" y="1985"/>
                </a:cubicBezTo>
                <a:cubicBezTo>
                  <a:pt x="266" y="2003"/>
                  <a:pt x="296" y="2010"/>
                  <a:pt x="305" y="2008"/>
                </a:cubicBezTo>
                <a:cubicBezTo>
                  <a:pt x="292" y="1981"/>
                  <a:pt x="286" y="1947"/>
                  <a:pt x="293" y="1905"/>
                </a:cubicBezTo>
                <a:cubicBezTo>
                  <a:pt x="280" y="1899"/>
                  <a:pt x="274" y="1896"/>
                  <a:pt x="256" y="1880"/>
                </a:cubicBezTo>
                <a:cubicBezTo>
                  <a:pt x="229" y="1856"/>
                  <a:pt x="213" y="1818"/>
                  <a:pt x="229" y="1790"/>
                </a:cubicBezTo>
                <a:cubicBezTo>
                  <a:pt x="234" y="1831"/>
                  <a:pt x="246" y="1854"/>
                  <a:pt x="272" y="1866"/>
                </a:cubicBezTo>
                <a:cubicBezTo>
                  <a:pt x="247" y="1830"/>
                  <a:pt x="249" y="1802"/>
                  <a:pt x="268" y="1772"/>
                </a:cubicBezTo>
                <a:cubicBezTo>
                  <a:pt x="268" y="1775"/>
                  <a:pt x="269" y="1779"/>
                  <a:pt x="273" y="1787"/>
                </a:cubicBezTo>
                <a:cubicBezTo>
                  <a:pt x="280" y="1788"/>
                  <a:pt x="278" y="1779"/>
                  <a:pt x="279" y="1773"/>
                </a:cubicBezTo>
                <a:cubicBezTo>
                  <a:pt x="287" y="1792"/>
                  <a:pt x="288" y="1779"/>
                  <a:pt x="294" y="1789"/>
                </a:cubicBezTo>
                <a:cubicBezTo>
                  <a:pt x="294" y="1794"/>
                  <a:pt x="294" y="1797"/>
                  <a:pt x="300" y="1808"/>
                </a:cubicBezTo>
                <a:cubicBezTo>
                  <a:pt x="316" y="1801"/>
                  <a:pt x="335" y="1825"/>
                  <a:pt x="350" y="1828"/>
                </a:cubicBezTo>
                <a:cubicBezTo>
                  <a:pt x="352" y="1833"/>
                  <a:pt x="355" y="1841"/>
                  <a:pt x="356" y="1842"/>
                </a:cubicBezTo>
                <a:cubicBezTo>
                  <a:pt x="376" y="1832"/>
                  <a:pt x="395" y="1855"/>
                  <a:pt x="412" y="1861"/>
                </a:cubicBezTo>
                <a:cubicBezTo>
                  <a:pt x="413" y="1867"/>
                  <a:pt x="415" y="1875"/>
                  <a:pt x="416" y="1876"/>
                </a:cubicBezTo>
                <a:cubicBezTo>
                  <a:pt x="417" y="1866"/>
                  <a:pt x="422" y="1866"/>
                  <a:pt x="424" y="1864"/>
                </a:cubicBezTo>
                <a:cubicBezTo>
                  <a:pt x="423" y="1865"/>
                  <a:pt x="424" y="1868"/>
                  <a:pt x="425" y="1874"/>
                </a:cubicBezTo>
                <a:cubicBezTo>
                  <a:pt x="437" y="1866"/>
                  <a:pt x="456" y="1892"/>
                  <a:pt x="453" y="1818"/>
                </a:cubicBezTo>
                <a:cubicBezTo>
                  <a:pt x="445" y="1828"/>
                  <a:pt x="457" y="1787"/>
                  <a:pt x="450" y="1768"/>
                </a:cubicBezTo>
                <a:cubicBezTo>
                  <a:pt x="463" y="1783"/>
                  <a:pt x="448" y="1680"/>
                  <a:pt x="459" y="1714"/>
                </a:cubicBezTo>
                <a:cubicBezTo>
                  <a:pt x="459" y="1707"/>
                  <a:pt x="459" y="1703"/>
                  <a:pt x="460" y="1699"/>
                </a:cubicBezTo>
                <a:cubicBezTo>
                  <a:pt x="458" y="1699"/>
                  <a:pt x="455" y="1700"/>
                  <a:pt x="455" y="1689"/>
                </a:cubicBezTo>
                <a:cubicBezTo>
                  <a:pt x="464" y="1694"/>
                  <a:pt x="456" y="1667"/>
                  <a:pt x="459" y="1654"/>
                </a:cubicBezTo>
                <a:cubicBezTo>
                  <a:pt x="464" y="1657"/>
                  <a:pt x="464" y="1685"/>
                  <a:pt x="471" y="1680"/>
                </a:cubicBezTo>
                <a:cubicBezTo>
                  <a:pt x="467" y="1668"/>
                  <a:pt x="470" y="1660"/>
                  <a:pt x="469" y="1645"/>
                </a:cubicBezTo>
                <a:cubicBezTo>
                  <a:pt x="469" y="1646"/>
                  <a:pt x="465" y="1657"/>
                  <a:pt x="464" y="1645"/>
                </a:cubicBezTo>
                <a:cubicBezTo>
                  <a:pt x="467" y="1644"/>
                  <a:pt x="465" y="1626"/>
                  <a:pt x="467" y="1620"/>
                </a:cubicBezTo>
                <a:cubicBezTo>
                  <a:pt x="470" y="1619"/>
                  <a:pt x="472" y="1621"/>
                  <a:pt x="473" y="1625"/>
                </a:cubicBezTo>
                <a:cubicBezTo>
                  <a:pt x="467" y="1607"/>
                  <a:pt x="481" y="1625"/>
                  <a:pt x="477" y="1600"/>
                </a:cubicBezTo>
                <a:cubicBezTo>
                  <a:pt x="467" y="1613"/>
                  <a:pt x="459" y="1604"/>
                  <a:pt x="448" y="1595"/>
                </a:cubicBezTo>
                <a:cubicBezTo>
                  <a:pt x="446" y="1628"/>
                  <a:pt x="428" y="1616"/>
                  <a:pt x="428" y="1650"/>
                </a:cubicBezTo>
                <a:cubicBezTo>
                  <a:pt x="436" y="1658"/>
                  <a:pt x="430" y="1672"/>
                  <a:pt x="431" y="1685"/>
                </a:cubicBezTo>
                <a:cubicBezTo>
                  <a:pt x="415" y="1680"/>
                  <a:pt x="424" y="1760"/>
                  <a:pt x="413" y="1766"/>
                </a:cubicBezTo>
                <a:cubicBezTo>
                  <a:pt x="408" y="1739"/>
                  <a:pt x="402" y="1738"/>
                  <a:pt x="398" y="1747"/>
                </a:cubicBezTo>
                <a:cubicBezTo>
                  <a:pt x="393" y="1723"/>
                  <a:pt x="391" y="1729"/>
                  <a:pt x="387" y="1734"/>
                </a:cubicBezTo>
                <a:cubicBezTo>
                  <a:pt x="381" y="1688"/>
                  <a:pt x="366" y="1685"/>
                  <a:pt x="362" y="1647"/>
                </a:cubicBezTo>
                <a:cubicBezTo>
                  <a:pt x="362" y="1654"/>
                  <a:pt x="359" y="1655"/>
                  <a:pt x="356" y="1644"/>
                </a:cubicBezTo>
                <a:cubicBezTo>
                  <a:pt x="355" y="1636"/>
                  <a:pt x="363" y="1643"/>
                  <a:pt x="358" y="1628"/>
                </a:cubicBezTo>
                <a:cubicBezTo>
                  <a:pt x="356" y="1621"/>
                  <a:pt x="353" y="1624"/>
                  <a:pt x="351" y="1624"/>
                </a:cubicBezTo>
                <a:cubicBezTo>
                  <a:pt x="340" y="1573"/>
                  <a:pt x="359" y="1573"/>
                  <a:pt x="358" y="1537"/>
                </a:cubicBezTo>
                <a:cubicBezTo>
                  <a:pt x="327" y="1513"/>
                  <a:pt x="331" y="1585"/>
                  <a:pt x="307" y="1576"/>
                </a:cubicBezTo>
                <a:cubicBezTo>
                  <a:pt x="313" y="1595"/>
                  <a:pt x="313" y="1595"/>
                  <a:pt x="313" y="1595"/>
                </a:cubicBezTo>
                <a:cubicBezTo>
                  <a:pt x="301" y="1618"/>
                  <a:pt x="276" y="1539"/>
                  <a:pt x="263" y="1553"/>
                </a:cubicBezTo>
                <a:cubicBezTo>
                  <a:pt x="245" y="1527"/>
                  <a:pt x="225" y="1509"/>
                  <a:pt x="205" y="1503"/>
                </a:cubicBezTo>
                <a:cubicBezTo>
                  <a:pt x="204" y="1497"/>
                  <a:pt x="189" y="1494"/>
                  <a:pt x="181" y="1481"/>
                </a:cubicBezTo>
                <a:cubicBezTo>
                  <a:pt x="140" y="1484"/>
                  <a:pt x="128" y="1337"/>
                  <a:pt x="123" y="1305"/>
                </a:cubicBezTo>
                <a:cubicBezTo>
                  <a:pt x="115" y="1308"/>
                  <a:pt x="113" y="1299"/>
                  <a:pt x="115" y="1292"/>
                </a:cubicBezTo>
                <a:cubicBezTo>
                  <a:pt x="106" y="1296"/>
                  <a:pt x="106" y="1296"/>
                  <a:pt x="106" y="1296"/>
                </a:cubicBezTo>
                <a:cubicBezTo>
                  <a:pt x="95" y="1267"/>
                  <a:pt x="86" y="1269"/>
                  <a:pt x="90" y="1249"/>
                </a:cubicBezTo>
                <a:cubicBezTo>
                  <a:pt x="118" y="1252"/>
                  <a:pt x="132" y="1227"/>
                  <a:pt x="129" y="1182"/>
                </a:cubicBezTo>
                <a:cubicBezTo>
                  <a:pt x="125" y="1183"/>
                  <a:pt x="123" y="1171"/>
                  <a:pt x="118" y="1175"/>
                </a:cubicBezTo>
                <a:cubicBezTo>
                  <a:pt x="108" y="1155"/>
                  <a:pt x="127" y="1160"/>
                  <a:pt x="121" y="1143"/>
                </a:cubicBezTo>
                <a:cubicBezTo>
                  <a:pt x="105" y="1156"/>
                  <a:pt x="116" y="1192"/>
                  <a:pt x="104" y="1206"/>
                </a:cubicBezTo>
                <a:cubicBezTo>
                  <a:pt x="101" y="1192"/>
                  <a:pt x="96" y="1195"/>
                  <a:pt x="92" y="1184"/>
                </a:cubicBezTo>
                <a:cubicBezTo>
                  <a:pt x="97" y="1181"/>
                  <a:pt x="100" y="1187"/>
                  <a:pt x="104" y="1185"/>
                </a:cubicBezTo>
                <a:cubicBezTo>
                  <a:pt x="96" y="1178"/>
                  <a:pt x="104" y="1169"/>
                  <a:pt x="99" y="1155"/>
                </a:cubicBezTo>
                <a:cubicBezTo>
                  <a:pt x="111" y="1152"/>
                  <a:pt x="106" y="1145"/>
                  <a:pt x="116" y="1134"/>
                </a:cubicBezTo>
                <a:cubicBezTo>
                  <a:pt x="119" y="1142"/>
                  <a:pt x="136" y="1145"/>
                  <a:pt x="136" y="1133"/>
                </a:cubicBezTo>
                <a:cubicBezTo>
                  <a:pt x="120" y="1140"/>
                  <a:pt x="136" y="1119"/>
                  <a:pt x="122" y="1117"/>
                </a:cubicBezTo>
                <a:cubicBezTo>
                  <a:pt x="142" y="1102"/>
                  <a:pt x="145" y="1087"/>
                  <a:pt x="160" y="1085"/>
                </a:cubicBezTo>
                <a:cubicBezTo>
                  <a:pt x="149" y="1081"/>
                  <a:pt x="139" y="1072"/>
                  <a:pt x="132" y="1051"/>
                </a:cubicBezTo>
                <a:cubicBezTo>
                  <a:pt x="140" y="1052"/>
                  <a:pt x="134" y="1040"/>
                  <a:pt x="136" y="1035"/>
                </a:cubicBezTo>
                <a:cubicBezTo>
                  <a:pt x="171" y="1012"/>
                  <a:pt x="175" y="961"/>
                  <a:pt x="218" y="944"/>
                </a:cubicBezTo>
                <a:cubicBezTo>
                  <a:pt x="200" y="920"/>
                  <a:pt x="175" y="942"/>
                  <a:pt x="142" y="940"/>
                </a:cubicBezTo>
                <a:cubicBezTo>
                  <a:pt x="133" y="927"/>
                  <a:pt x="122" y="920"/>
                  <a:pt x="117" y="895"/>
                </a:cubicBezTo>
                <a:cubicBezTo>
                  <a:pt x="152" y="891"/>
                  <a:pt x="189" y="843"/>
                  <a:pt x="233" y="865"/>
                </a:cubicBezTo>
                <a:cubicBezTo>
                  <a:pt x="254" y="830"/>
                  <a:pt x="314" y="873"/>
                  <a:pt x="345" y="857"/>
                </a:cubicBezTo>
                <a:cubicBezTo>
                  <a:pt x="359" y="850"/>
                  <a:pt x="395" y="851"/>
                  <a:pt x="405" y="883"/>
                </a:cubicBezTo>
                <a:cubicBezTo>
                  <a:pt x="450" y="880"/>
                  <a:pt x="498" y="894"/>
                  <a:pt x="553" y="901"/>
                </a:cubicBezTo>
                <a:cubicBezTo>
                  <a:pt x="558" y="888"/>
                  <a:pt x="545" y="879"/>
                  <a:pt x="557" y="881"/>
                </a:cubicBezTo>
                <a:cubicBezTo>
                  <a:pt x="572" y="908"/>
                  <a:pt x="610" y="895"/>
                  <a:pt x="624" y="912"/>
                </a:cubicBezTo>
                <a:cubicBezTo>
                  <a:pt x="571" y="911"/>
                  <a:pt x="525" y="917"/>
                  <a:pt x="472" y="917"/>
                </a:cubicBezTo>
                <a:cubicBezTo>
                  <a:pt x="471" y="924"/>
                  <a:pt x="467" y="926"/>
                  <a:pt x="466" y="932"/>
                </a:cubicBezTo>
                <a:cubicBezTo>
                  <a:pt x="487" y="915"/>
                  <a:pt x="539" y="995"/>
                  <a:pt x="535" y="960"/>
                </a:cubicBezTo>
                <a:cubicBezTo>
                  <a:pt x="538" y="966"/>
                  <a:pt x="551" y="947"/>
                  <a:pt x="562" y="952"/>
                </a:cubicBezTo>
                <a:cubicBezTo>
                  <a:pt x="567" y="997"/>
                  <a:pt x="593" y="954"/>
                  <a:pt x="613" y="961"/>
                </a:cubicBezTo>
                <a:cubicBezTo>
                  <a:pt x="610" y="974"/>
                  <a:pt x="624" y="966"/>
                  <a:pt x="619" y="982"/>
                </a:cubicBezTo>
                <a:cubicBezTo>
                  <a:pt x="617" y="997"/>
                  <a:pt x="607" y="994"/>
                  <a:pt x="605" y="1010"/>
                </a:cubicBezTo>
                <a:cubicBezTo>
                  <a:pt x="618" y="1046"/>
                  <a:pt x="639" y="1027"/>
                  <a:pt x="664" y="1035"/>
                </a:cubicBezTo>
                <a:cubicBezTo>
                  <a:pt x="667" y="1028"/>
                  <a:pt x="669" y="1027"/>
                  <a:pt x="667" y="1020"/>
                </a:cubicBezTo>
                <a:cubicBezTo>
                  <a:pt x="673" y="1025"/>
                  <a:pt x="691" y="1039"/>
                  <a:pt x="694" y="1014"/>
                </a:cubicBezTo>
                <a:cubicBezTo>
                  <a:pt x="681" y="1002"/>
                  <a:pt x="688" y="1015"/>
                  <a:pt x="679" y="1017"/>
                </a:cubicBezTo>
                <a:cubicBezTo>
                  <a:pt x="676" y="998"/>
                  <a:pt x="683" y="989"/>
                  <a:pt x="693" y="984"/>
                </a:cubicBezTo>
                <a:cubicBezTo>
                  <a:pt x="686" y="973"/>
                  <a:pt x="690" y="947"/>
                  <a:pt x="679" y="941"/>
                </a:cubicBezTo>
                <a:cubicBezTo>
                  <a:pt x="704" y="940"/>
                  <a:pt x="683" y="922"/>
                  <a:pt x="684" y="907"/>
                </a:cubicBezTo>
                <a:cubicBezTo>
                  <a:pt x="694" y="914"/>
                  <a:pt x="709" y="913"/>
                  <a:pt x="726" y="904"/>
                </a:cubicBezTo>
                <a:cubicBezTo>
                  <a:pt x="721" y="930"/>
                  <a:pt x="741" y="924"/>
                  <a:pt x="747" y="923"/>
                </a:cubicBezTo>
                <a:cubicBezTo>
                  <a:pt x="746" y="908"/>
                  <a:pt x="738" y="904"/>
                  <a:pt x="728" y="909"/>
                </a:cubicBezTo>
                <a:cubicBezTo>
                  <a:pt x="738" y="888"/>
                  <a:pt x="717" y="900"/>
                  <a:pt x="723" y="883"/>
                </a:cubicBezTo>
                <a:cubicBezTo>
                  <a:pt x="740" y="881"/>
                  <a:pt x="760" y="945"/>
                  <a:pt x="782" y="906"/>
                </a:cubicBezTo>
                <a:cubicBezTo>
                  <a:pt x="754" y="907"/>
                  <a:pt x="754" y="878"/>
                  <a:pt x="739" y="866"/>
                </a:cubicBezTo>
                <a:cubicBezTo>
                  <a:pt x="740" y="835"/>
                  <a:pt x="747" y="825"/>
                  <a:pt x="758" y="820"/>
                </a:cubicBezTo>
                <a:cubicBezTo>
                  <a:pt x="755" y="833"/>
                  <a:pt x="755" y="833"/>
                  <a:pt x="755" y="833"/>
                </a:cubicBezTo>
                <a:cubicBezTo>
                  <a:pt x="762" y="837"/>
                  <a:pt x="765" y="832"/>
                  <a:pt x="769" y="831"/>
                </a:cubicBezTo>
                <a:cubicBezTo>
                  <a:pt x="768" y="826"/>
                  <a:pt x="767" y="821"/>
                  <a:pt x="771" y="821"/>
                </a:cubicBezTo>
                <a:cubicBezTo>
                  <a:pt x="772" y="818"/>
                  <a:pt x="771" y="817"/>
                  <a:pt x="771" y="817"/>
                </a:cubicBezTo>
                <a:cubicBezTo>
                  <a:pt x="780" y="815"/>
                  <a:pt x="790" y="814"/>
                  <a:pt x="801" y="808"/>
                </a:cubicBezTo>
                <a:cubicBezTo>
                  <a:pt x="827" y="822"/>
                  <a:pt x="876" y="805"/>
                  <a:pt x="893" y="828"/>
                </a:cubicBezTo>
                <a:cubicBezTo>
                  <a:pt x="882" y="831"/>
                  <a:pt x="862" y="816"/>
                  <a:pt x="851" y="842"/>
                </a:cubicBezTo>
                <a:cubicBezTo>
                  <a:pt x="852" y="868"/>
                  <a:pt x="873" y="835"/>
                  <a:pt x="871" y="858"/>
                </a:cubicBezTo>
                <a:cubicBezTo>
                  <a:pt x="855" y="860"/>
                  <a:pt x="852" y="847"/>
                  <a:pt x="842" y="865"/>
                </a:cubicBezTo>
                <a:cubicBezTo>
                  <a:pt x="844" y="888"/>
                  <a:pt x="874" y="868"/>
                  <a:pt x="879" y="853"/>
                </a:cubicBezTo>
                <a:cubicBezTo>
                  <a:pt x="878" y="860"/>
                  <a:pt x="892" y="842"/>
                  <a:pt x="888" y="857"/>
                </a:cubicBezTo>
                <a:cubicBezTo>
                  <a:pt x="882" y="860"/>
                  <a:pt x="879" y="871"/>
                  <a:pt x="875" y="880"/>
                </a:cubicBezTo>
                <a:cubicBezTo>
                  <a:pt x="860" y="874"/>
                  <a:pt x="848" y="878"/>
                  <a:pt x="840" y="896"/>
                </a:cubicBezTo>
                <a:cubicBezTo>
                  <a:pt x="856" y="927"/>
                  <a:pt x="882" y="904"/>
                  <a:pt x="889" y="942"/>
                </a:cubicBezTo>
                <a:cubicBezTo>
                  <a:pt x="895" y="932"/>
                  <a:pt x="917" y="930"/>
                  <a:pt x="919" y="942"/>
                </a:cubicBezTo>
                <a:cubicBezTo>
                  <a:pt x="914" y="939"/>
                  <a:pt x="910" y="944"/>
                  <a:pt x="908" y="954"/>
                </a:cubicBezTo>
                <a:cubicBezTo>
                  <a:pt x="954" y="949"/>
                  <a:pt x="979" y="959"/>
                  <a:pt x="1021" y="971"/>
                </a:cubicBezTo>
                <a:cubicBezTo>
                  <a:pt x="1016" y="953"/>
                  <a:pt x="1008" y="956"/>
                  <a:pt x="998" y="944"/>
                </a:cubicBezTo>
                <a:cubicBezTo>
                  <a:pt x="1007" y="939"/>
                  <a:pt x="1017" y="941"/>
                  <a:pt x="1025" y="929"/>
                </a:cubicBezTo>
                <a:cubicBezTo>
                  <a:pt x="1019" y="914"/>
                  <a:pt x="1014" y="904"/>
                  <a:pt x="1020" y="889"/>
                </a:cubicBezTo>
                <a:cubicBezTo>
                  <a:pt x="1004" y="879"/>
                  <a:pt x="1000" y="858"/>
                  <a:pt x="977" y="862"/>
                </a:cubicBezTo>
                <a:cubicBezTo>
                  <a:pt x="991" y="844"/>
                  <a:pt x="1002" y="860"/>
                  <a:pt x="1010" y="869"/>
                </a:cubicBezTo>
                <a:cubicBezTo>
                  <a:pt x="1021" y="838"/>
                  <a:pt x="1017" y="815"/>
                  <a:pt x="1046" y="776"/>
                </a:cubicBezTo>
                <a:cubicBezTo>
                  <a:pt x="985" y="725"/>
                  <a:pt x="911" y="762"/>
                  <a:pt x="848" y="717"/>
                </a:cubicBezTo>
                <a:cubicBezTo>
                  <a:pt x="820" y="716"/>
                  <a:pt x="789" y="735"/>
                  <a:pt x="752" y="721"/>
                </a:cubicBezTo>
                <a:cubicBezTo>
                  <a:pt x="751" y="733"/>
                  <a:pt x="744" y="731"/>
                  <a:pt x="744" y="745"/>
                </a:cubicBezTo>
                <a:cubicBezTo>
                  <a:pt x="716" y="728"/>
                  <a:pt x="685" y="738"/>
                  <a:pt x="662" y="752"/>
                </a:cubicBezTo>
                <a:cubicBezTo>
                  <a:pt x="663" y="717"/>
                  <a:pt x="632" y="758"/>
                  <a:pt x="622" y="741"/>
                </a:cubicBezTo>
                <a:cubicBezTo>
                  <a:pt x="620" y="748"/>
                  <a:pt x="617" y="750"/>
                  <a:pt x="620" y="756"/>
                </a:cubicBezTo>
                <a:cubicBezTo>
                  <a:pt x="596" y="723"/>
                  <a:pt x="574" y="785"/>
                  <a:pt x="544" y="765"/>
                </a:cubicBezTo>
                <a:cubicBezTo>
                  <a:pt x="559" y="763"/>
                  <a:pt x="532" y="737"/>
                  <a:pt x="559" y="741"/>
                </a:cubicBezTo>
                <a:cubicBezTo>
                  <a:pt x="563" y="753"/>
                  <a:pt x="549" y="760"/>
                  <a:pt x="558" y="761"/>
                </a:cubicBezTo>
                <a:cubicBezTo>
                  <a:pt x="558" y="731"/>
                  <a:pt x="587" y="739"/>
                  <a:pt x="599" y="715"/>
                </a:cubicBezTo>
                <a:cubicBezTo>
                  <a:pt x="617" y="744"/>
                  <a:pt x="639" y="718"/>
                  <a:pt x="666" y="722"/>
                </a:cubicBezTo>
                <a:cubicBezTo>
                  <a:pt x="670" y="713"/>
                  <a:pt x="680" y="684"/>
                  <a:pt x="687" y="700"/>
                </a:cubicBezTo>
                <a:cubicBezTo>
                  <a:pt x="673" y="695"/>
                  <a:pt x="687" y="718"/>
                  <a:pt x="687" y="725"/>
                </a:cubicBezTo>
                <a:cubicBezTo>
                  <a:pt x="707" y="729"/>
                  <a:pt x="728" y="716"/>
                  <a:pt x="746" y="715"/>
                </a:cubicBezTo>
                <a:cubicBezTo>
                  <a:pt x="744" y="691"/>
                  <a:pt x="743" y="699"/>
                  <a:pt x="727" y="702"/>
                </a:cubicBezTo>
                <a:cubicBezTo>
                  <a:pt x="730" y="683"/>
                  <a:pt x="733" y="688"/>
                  <a:pt x="731" y="672"/>
                </a:cubicBezTo>
                <a:cubicBezTo>
                  <a:pt x="749" y="669"/>
                  <a:pt x="747" y="684"/>
                  <a:pt x="754" y="691"/>
                </a:cubicBezTo>
                <a:cubicBezTo>
                  <a:pt x="755" y="658"/>
                  <a:pt x="798" y="686"/>
                  <a:pt x="813" y="673"/>
                </a:cubicBezTo>
                <a:cubicBezTo>
                  <a:pt x="810" y="683"/>
                  <a:pt x="813" y="689"/>
                  <a:pt x="821" y="690"/>
                </a:cubicBezTo>
                <a:cubicBezTo>
                  <a:pt x="821" y="683"/>
                  <a:pt x="818" y="681"/>
                  <a:pt x="824" y="675"/>
                </a:cubicBezTo>
                <a:cubicBezTo>
                  <a:pt x="889" y="692"/>
                  <a:pt x="946" y="725"/>
                  <a:pt x="1011" y="736"/>
                </a:cubicBezTo>
                <a:cubicBezTo>
                  <a:pt x="1025" y="759"/>
                  <a:pt x="1076" y="794"/>
                  <a:pt x="1092" y="746"/>
                </a:cubicBezTo>
                <a:cubicBezTo>
                  <a:pt x="1174" y="753"/>
                  <a:pt x="1236" y="806"/>
                  <a:pt x="1311" y="835"/>
                </a:cubicBezTo>
                <a:cubicBezTo>
                  <a:pt x="1322" y="871"/>
                  <a:pt x="1354" y="883"/>
                  <a:pt x="1380" y="890"/>
                </a:cubicBezTo>
                <a:cubicBezTo>
                  <a:pt x="1378" y="922"/>
                  <a:pt x="1438" y="888"/>
                  <a:pt x="1374" y="850"/>
                </a:cubicBezTo>
                <a:cubicBezTo>
                  <a:pt x="1390" y="862"/>
                  <a:pt x="1392" y="823"/>
                  <a:pt x="1395" y="811"/>
                </a:cubicBezTo>
                <a:cubicBezTo>
                  <a:pt x="1366" y="778"/>
                  <a:pt x="1336" y="761"/>
                  <a:pt x="1310" y="731"/>
                </a:cubicBezTo>
                <a:cubicBezTo>
                  <a:pt x="1301" y="728"/>
                  <a:pt x="1293" y="738"/>
                  <a:pt x="1283" y="733"/>
                </a:cubicBezTo>
                <a:cubicBezTo>
                  <a:pt x="1278" y="707"/>
                  <a:pt x="1249" y="726"/>
                  <a:pt x="1234" y="713"/>
                </a:cubicBezTo>
                <a:cubicBezTo>
                  <a:pt x="1225" y="706"/>
                  <a:pt x="1227" y="683"/>
                  <a:pt x="1217" y="677"/>
                </a:cubicBezTo>
                <a:cubicBezTo>
                  <a:pt x="1189" y="673"/>
                  <a:pt x="1180" y="695"/>
                  <a:pt x="1160" y="662"/>
                </a:cubicBezTo>
                <a:cubicBezTo>
                  <a:pt x="1160" y="662"/>
                  <a:pt x="1158" y="672"/>
                  <a:pt x="1159" y="673"/>
                </a:cubicBezTo>
                <a:cubicBezTo>
                  <a:pt x="1149" y="668"/>
                  <a:pt x="1149" y="653"/>
                  <a:pt x="1141" y="648"/>
                </a:cubicBezTo>
                <a:cubicBezTo>
                  <a:pt x="1124" y="680"/>
                  <a:pt x="1113" y="636"/>
                  <a:pt x="1096" y="624"/>
                </a:cubicBezTo>
                <a:cubicBezTo>
                  <a:pt x="1080" y="634"/>
                  <a:pt x="1100" y="650"/>
                  <a:pt x="1083" y="646"/>
                </a:cubicBezTo>
                <a:cubicBezTo>
                  <a:pt x="1088" y="630"/>
                  <a:pt x="1072" y="627"/>
                  <a:pt x="1070" y="615"/>
                </a:cubicBezTo>
                <a:cubicBezTo>
                  <a:pt x="1050" y="637"/>
                  <a:pt x="1030" y="598"/>
                  <a:pt x="1025" y="625"/>
                </a:cubicBezTo>
                <a:cubicBezTo>
                  <a:pt x="1005" y="608"/>
                  <a:pt x="964" y="582"/>
                  <a:pt x="939" y="577"/>
                </a:cubicBezTo>
                <a:cubicBezTo>
                  <a:pt x="943" y="577"/>
                  <a:pt x="945" y="570"/>
                  <a:pt x="946" y="563"/>
                </a:cubicBezTo>
                <a:cubicBezTo>
                  <a:pt x="918" y="556"/>
                  <a:pt x="908" y="553"/>
                  <a:pt x="895" y="539"/>
                </a:cubicBezTo>
                <a:cubicBezTo>
                  <a:pt x="894" y="544"/>
                  <a:pt x="897" y="546"/>
                  <a:pt x="897" y="550"/>
                </a:cubicBezTo>
                <a:cubicBezTo>
                  <a:pt x="854" y="536"/>
                  <a:pt x="817" y="523"/>
                  <a:pt x="788" y="525"/>
                </a:cubicBezTo>
                <a:cubicBezTo>
                  <a:pt x="785" y="518"/>
                  <a:pt x="784" y="509"/>
                  <a:pt x="780" y="503"/>
                </a:cubicBezTo>
                <a:cubicBezTo>
                  <a:pt x="768" y="514"/>
                  <a:pt x="766" y="508"/>
                  <a:pt x="761" y="495"/>
                </a:cubicBezTo>
                <a:cubicBezTo>
                  <a:pt x="751" y="503"/>
                  <a:pt x="751" y="523"/>
                  <a:pt x="741" y="512"/>
                </a:cubicBezTo>
                <a:cubicBezTo>
                  <a:pt x="757" y="500"/>
                  <a:pt x="728" y="493"/>
                  <a:pt x="721" y="489"/>
                </a:cubicBezTo>
                <a:cubicBezTo>
                  <a:pt x="719" y="498"/>
                  <a:pt x="709" y="493"/>
                  <a:pt x="710" y="507"/>
                </a:cubicBezTo>
                <a:cubicBezTo>
                  <a:pt x="707" y="518"/>
                  <a:pt x="720" y="514"/>
                  <a:pt x="720" y="524"/>
                </a:cubicBezTo>
                <a:cubicBezTo>
                  <a:pt x="694" y="518"/>
                  <a:pt x="696" y="504"/>
                  <a:pt x="697" y="480"/>
                </a:cubicBezTo>
                <a:cubicBezTo>
                  <a:pt x="708" y="473"/>
                  <a:pt x="724" y="476"/>
                  <a:pt x="736" y="471"/>
                </a:cubicBezTo>
                <a:cubicBezTo>
                  <a:pt x="739" y="500"/>
                  <a:pt x="784" y="490"/>
                  <a:pt x="796" y="481"/>
                </a:cubicBezTo>
                <a:cubicBezTo>
                  <a:pt x="791" y="480"/>
                  <a:pt x="794" y="472"/>
                  <a:pt x="790" y="470"/>
                </a:cubicBezTo>
                <a:cubicBezTo>
                  <a:pt x="788" y="475"/>
                  <a:pt x="788" y="484"/>
                  <a:pt x="783" y="484"/>
                </a:cubicBezTo>
                <a:cubicBezTo>
                  <a:pt x="765" y="449"/>
                  <a:pt x="736" y="462"/>
                  <a:pt x="704" y="461"/>
                </a:cubicBezTo>
                <a:cubicBezTo>
                  <a:pt x="716" y="443"/>
                  <a:pt x="698" y="445"/>
                  <a:pt x="700" y="425"/>
                </a:cubicBezTo>
                <a:cubicBezTo>
                  <a:pt x="733" y="430"/>
                  <a:pt x="765" y="437"/>
                  <a:pt x="795" y="440"/>
                </a:cubicBezTo>
                <a:cubicBezTo>
                  <a:pt x="781" y="448"/>
                  <a:pt x="805" y="457"/>
                  <a:pt x="808" y="463"/>
                </a:cubicBezTo>
                <a:cubicBezTo>
                  <a:pt x="817" y="457"/>
                  <a:pt x="843" y="447"/>
                  <a:pt x="848" y="456"/>
                </a:cubicBezTo>
                <a:cubicBezTo>
                  <a:pt x="843" y="455"/>
                  <a:pt x="842" y="462"/>
                  <a:pt x="841" y="469"/>
                </a:cubicBezTo>
                <a:cubicBezTo>
                  <a:pt x="862" y="452"/>
                  <a:pt x="885" y="466"/>
                  <a:pt x="909" y="466"/>
                </a:cubicBezTo>
                <a:cubicBezTo>
                  <a:pt x="883" y="462"/>
                  <a:pt x="898" y="453"/>
                  <a:pt x="880" y="443"/>
                </a:cubicBezTo>
                <a:cubicBezTo>
                  <a:pt x="900" y="441"/>
                  <a:pt x="911" y="437"/>
                  <a:pt x="920" y="458"/>
                </a:cubicBezTo>
                <a:cubicBezTo>
                  <a:pt x="921" y="453"/>
                  <a:pt x="922" y="448"/>
                  <a:pt x="923" y="444"/>
                </a:cubicBezTo>
                <a:cubicBezTo>
                  <a:pt x="961" y="470"/>
                  <a:pt x="1029" y="455"/>
                  <a:pt x="1068" y="487"/>
                </a:cubicBezTo>
                <a:cubicBezTo>
                  <a:pt x="1070" y="482"/>
                  <a:pt x="1072" y="473"/>
                  <a:pt x="1077" y="474"/>
                </a:cubicBezTo>
                <a:cubicBezTo>
                  <a:pt x="1107" y="506"/>
                  <a:pt x="1170" y="491"/>
                  <a:pt x="1196" y="525"/>
                </a:cubicBezTo>
                <a:cubicBezTo>
                  <a:pt x="1205" y="509"/>
                  <a:pt x="1189" y="494"/>
                  <a:pt x="1175" y="500"/>
                </a:cubicBezTo>
                <a:cubicBezTo>
                  <a:pt x="1191" y="469"/>
                  <a:pt x="1203" y="503"/>
                  <a:pt x="1212" y="510"/>
                </a:cubicBezTo>
                <a:cubicBezTo>
                  <a:pt x="1211" y="510"/>
                  <a:pt x="1216" y="502"/>
                  <a:pt x="1216" y="501"/>
                </a:cubicBezTo>
                <a:cubicBezTo>
                  <a:pt x="1229" y="513"/>
                  <a:pt x="1227" y="536"/>
                  <a:pt x="1242" y="546"/>
                </a:cubicBezTo>
                <a:cubicBezTo>
                  <a:pt x="1261" y="558"/>
                  <a:pt x="1278" y="537"/>
                  <a:pt x="1301" y="557"/>
                </a:cubicBezTo>
                <a:cubicBezTo>
                  <a:pt x="1283" y="575"/>
                  <a:pt x="1328" y="572"/>
                  <a:pt x="1331" y="589"/>
                </a:cubicBezTo>
                <a:cubicBezTo>
                  <a:pt x="1292" y="576"/>
                  <a:pt x="1373" y="632"/>
                  <a:pt x="1379" y="604"/>
                </a:cubicBezTo>
                <a:cubicBezTo>
                  <a:pt x="1367" y="599"/>
                  <a:pt x="1371" y="587"/>
                  <a:pt x="1365" y="579"/>
                </a:cubicBezTo>
                <a:cubicBezTo>
                  <a:pt x="1384" y="592"/>
                  <a:pt x="1378" y="580"/>
                  <a:pt x="1391" y="565"/>
                </a:cubicBezTo>
                <a:cubicBezTo>
                  <a:pt x="1405" y="579"/>
                  <a:pt x="1414" y="568"/>
                  <a:pt x="1425" y="573"/>
                </a:cubicBezTo>
                <a:cubicBezTo>
                  <a:pt x="1416" y="586"/>
                  <a:pt x="1402" y="576"/>
                  <a:pt x="1391" y="582"/>
                </a:cubicBezTo>
                <a:cubicBezTo>
                  <a:pt x="1396" y="585"/>
                  <a:pt x="1398" y="589"/>
                  <a:pt x="1400" y="593"/>
                </a:cubicBezTo>
                <a:cubicBezTo>
                  <a:pt x="1410" y="592"/>
                  <a:pt x="1426" y="577"/>
                  <a:pt x="1427" y="593"/>
                </a:cubicBezTo>
                <a:cubicBezTo>
                  <a:pt x="1425" y="592"/>
                  <a:pt x="1424" y="591"/>
                  <a:pt x="1421" y="590"/>
                </a:cubicBezTo>
                <a:cubicBezTo>
                  <a:pt x="1415" y="598"/>
                  <a:pt x="1431" y="600"/>
                  <a:pt x="1433" y="606"/>
                </a:cubicBezTo>
                <a:cubicBezTo>
                  <a:pt x="1443" y="601"/>
                  <a:pt x="1474" y="618"/>
                  <a:pt x="1475" y="626"/>
                </a:cubicBezTo>
                <a:cubicBezTo>
                  <a:pt x="1463" y="625"/>
                  <a:pt x="1457" y="630"/>
                  <a:pt x="1452" y="616"/>
                </a:cubicBezTo>
                <a:cubicBezTo>
                  <a:pt x="1446" y="622"/>
                  <a:pt x="1455" y="625"/>
                  <a:pt x="1452" y="630"/>
                </a:cubicBezTo>
                <a:cubicBezTo>
                  <a:pt x="1461" y="635"/>
                  <a:pt x="1465" y="627"/>
                  <a:pt x="1475" y="633"/>
                </a:cubicBezTo>
                <a:cubicBezTo>
                  <a:pt x="1469" y="638"/>
                  <a:pt x="1461" y="638"/>
                  <a:pt x="1455" y="642"/>
                </a:cubicBezTo>
                <a:cubicBezTo>
                  <a:pt x="1464" y="648"/>
                  <a:pt x="1468" y="636"/>
                  <a:pt x="1477" y="641"/>
                </a:cubicBezTo>
                <a:cubicBezTo>
                  <a:pt x="1477" y="647"/>
                  <a:pt x="1464" y="645"/>
                  <a:pt x="1471" y="651"/>
                </a:cubicBezTo>
                <a:cubicBezTo>
                  <a:pt x="1481" y="647"/>
                  <a:pt x="1483" y="662"/>
                  <a:pt x="1486" y="667"/>
                </a:cubicBezTo>
                <a:cubicBezTo>
                  <a:pt x="1493" y="651"/>
                  <a:pt x="1498" y="676"/>
                  <a:pt x="1509" y="670"/>
                </a:cubicBezTo>
                <a:cubicBezTo>
                  <a:pt x="1499" y="669"/>
                  <a:pt x="1498" y="654"/>
                  <a:pt x="1507" y="656"/>
                </a:cubicBezTo>
                <a:cubicBezTo>
                  <a:pt x="1508" y="668"/>
                  <a:pt x="1516" y="665"/>
                  <a:pt x="1523" y="676"/>
                </a:cubicBezTo>
                <a:cubicBezTo>
                  <a:pt x="1522" y="678"/>
                  <a:pt x="1523" y="680"/>
                  <a:pt x="1523" y="683"/>
                </a:cubicBezTo>
                <a:cubicBezTo>
                  <a:pt x="1511" y="675"/>
                  <a:pt x="1504" y="689"/>
                  <a:pt x="1518" y="683"/>
                </a:cubicBezTo>
                <a:cubicBezTo>
                  <a:pt x="1533" y="696"/>
                  <a:pt x="1547" y="711"/>
                  <a:pt x="1555" y="720"/>
                </a:cubicBezTo>
                <a:cubicBezTo>
                  <a:pt x="1553" y="717"/>
                  <a:pt x="1552" y="714"/>
                  <a:pt x="1551" y="710"/>
                </a:cubicBezTo>
                <a:cubicBezTo>
                  <a:pt x="1567" y="721"/>
                  <a:pt x="1557" y="728"/>
                  <a:pt x="1568" y="719"/>
                </a:cubicBezTo>
                <a:cubicBezTo>
                  <a:pt x="1579" y="726"/>
                  <a:pt x="1569" y="736"/>
                  <a:pt x="1572" y="744"/>
                </a:cubicBezTo>
                <a:cubicBezTo>
                  <a:pt x="1576" y="733"/>
                  <a:pt x="1584" y="750"/>
                  <a:pt x="1589" y="742"/>
                </a:cubicBezTo>
                <a:cubicBezTo>
                  <a:pt x="1585" y="737"/>
                  <a:pt x="1572" y="734"/>
                  <a:pt x="1580" y="728"/>
                </a:cubicBezTo>
                <a:cubicBezTo>
                  <a:pt x="1595" y="742"/>
                  <a:pt x="1597" y="743"/>
                  <a:pt x="1613" y="750"/>
                </a:cubicBezTo>
                <a:cubicBezTo>
                  <a:pt x="1609" y="754"/>
                  <a:pt x="1612" y="757"/>
                  <a:pt x="1608" y="761"/>
                </a:cubicBezTo>
                <a:cubicBezTo>
                  <a:pt x="1604" y="752"/>
                  <a:pt x="1594" y="744"/>
                  <a:pt x="1586" y="750"/>
                </a:cubicBezTo>
                <a:cubicBezTo>
                  <a:pt x="1597" y="764"/>
                  <a:pt x="1607" y="764"/>
                  <a:pt x="1621" y="765"/>
                </a:cubicBezTo>
                <a:cubicBezTo>
                  <a:pt x="1621" y="777"/>
                  <a:pt x="1633" y="779"/>
                  <a:pt x="1637" y="775"/>
                </a:cubicBezTo>
                <a:cubicBezTo>
                  <a:pt x="1640" y="784"/>
                  <a:pt x="1632" y="785"/>
                  <a:pt x="1625" y="788"/>
                </a:cubicBezTo>
                <a:cubicBezTo>
                  <a:pt x="1640" y="797"/>
                  <a:pt x="1645" y="801"/>
                  <a:pt x="1648" y="816"/>
                </a:cubicBezTo>
                <a:cubicBezTo>
                  <a:pt x="1644" y="814"/>
                  <a:pt x="1641" y="819"/>
                  <a:pt x="1638" y="819"/>
                </a:cubicBezTo>
                <a:cubicBezTo>
                  <a:pt x="1651" y="821"/>
                  <a:pt x="1650" y="825"/>
                  <a:pt x="1653" y="837"/>
                </a:cubicBezTo>
                <a:cubicBezTo>
                  <a:pt x="1671" y="838"/>
                  <a:pt x="1702" y="862"/>
                  <a:pt x="1704" y="882"/>
                </a:cubicBezTo>
                <a:cubicBezTo>
                  <a:pt x="1721" y="883"/>
                  <a:pt x="1726" y="894"/>
                  <a:pt x="1746" y="913"/>
                </a:cubicBezTo>
                <a:cubicBezTo>
                  <a:pt x="1759" y="908"/>
                  <a:pt x="1735" y="899"/>
                  <a:pt x="1741" y="894"/>
                </a:cubicBezTo>
                <a:cubicBezTo>
                  <a:pt x="1751" y="890"/>
                  <a:pt x="1771" y="901"/>
                  <a:pt x="1767" y="916"/>
                </a:cubicBezTo>
                <a:cubicBezTo>
                  <a:pt x="1763" y="921"/>
                  <a:pt x="1760" y="904"/>
                  <a:pt x="1755" y="914"/>
                </a:cubicBezTo>
                <a:cubicBezTo>
                  <a:pt x="1784" y="936"/>
                  <a:pt x="1773" y="892"/>
                  <a:pt x="1765" y="877"/>
                </a:cubicBezTo>
                <a:cubicBezTo>
                  <a:pt x="1769" y="882"/>
                  <a:pt x="1774" y="875"/>
                  <a:pt x="1778" y="883"/>
                </a:cubicBezTo>
                <a:cubicBezTo>
                  <a:pt x="1782" y="897"/>
                  <a:pt x="1793" y="910"/>
                  <a:pt x="1808" y="911"/>
                </a:cubicBezTo>
                <a:cubicBezTo>
                  <a:pt x="1811" y="917"/>
                  <a:pt x="1808" y="919"/>
                  <a:pt x="1803" y="919"/>
                </a:cubicBezTo>
                <a:cubicBezTo>
                  <a:pt x="1832" y="943"/>
                  <a:pt x="1842" y="970"/>
                  <a:pt x="1873" y="989"/>
                </a:cubicBezTo>
                <a:cubicBezTo>
                  <a:pt x="1859" y="988"/>
                  <a:pt x="1884" y="1019"/>
                  <a:pt x="1887" y="1006"/>
                </a:cubicBezTo>
                <a:cubicBezTo>
                  <a:pt x="1903" y="1049"/>
                  <a:pt x="1934" y="1102"/>
                  <a:pt x="1970" y="1134"/>
                </a:cubicBezTo>
                <a:cubicBezTo>
                  <a:pt x="1960" y="1121"/>
                  <a:pt x="1957" y="1091"/>
                  <a:pt x="1940" y="1084"/>
                </a:cubicBezTo>
                <a:cubicBezTo>
                  <a:pt x="1954" y="1085"/>
                  <a:pt x="1935" y="1070"/>
                  <a:pt x="1930" y="1071"/>
                </a:cubicBezTo>
                <a:cubicBezTo>
                  <a:pt x="1937" y="1067"/>
                  <a:pt x="1937" y="1067"/>
                  <a:pt x="1937" y="1067"/>
                </a:cubicBezTo>
                <a:cubicBezTo>
                  <a:pt x="1869" y="935"/>
                  <a:pt x="1713" y="741"/>
                  <a:pt x="1590" y="684"/>
                </a:cubicBezTo>
                <a:cubicBezTo>
                  <a:pt x="1605" y="676"/>
                  <a:pt x="1575" y="672"/>
                  <a:pt x="1585" y="663"/>
                </a:cubicBezTo>
                <a:cubicBezTo>
                  <a:pt x="1570" y="660"/>
                  <a:pt x="1564" y="639"/>
                  <a:pt x="1552" y="644"/>
                </a:cubicBezTo>
                <a:cubicBezTo>
                  <a:pt x="1567" y="657"/>
                  <a:pt x="1582" y="658"/>
                  <a:pt x="1578" y="673"/>
                </a:cubicBezTo>
                <a:cubicBezTo>
                  <a:pt x="1565" y="659"/>
                  <a:pt x="1545" y="654"/>
                  <a:pt x="1542" y="636"/>
                </a:cubicBezTo>
                <a:cubicBezTo>
                  <a:pt x="1527" y="632"/>
                  <a:pt x="1499" y="626"/>
                  <a:pt x="1495" y="611"/>
                </a:cubicBezTo>
                <a:cubicBezTo>
                  <a:pt x="1486" y="622"/>
                  <a:pt x="1481" y="600"/>
                  <a:pt x="1470" y="603"/>
                </a:cubicBezTo>
                <a:cubicBezTo>
                  <a:pt x="1464" y="626"/>
                  <a:pt x="1445" y="590"/>
                  <a:pt x="1433" y="593"/>
                </a:cubicBezTo>
                <a:cubicBezTo>
                  <a:pt x="1436" y="595"/>
                  <a:pt x="1439" y="597"/>
                  <a:pt x="1436" y="601"/>
                </a:cubicBezTo>
                <a:cubicBezTo>
                  <a:pt x="1431" y="599"/>
                  <a:pt x="1430" y="597"/>
                  <a:pt x="1428" y="595"/>
                </a:cubicBezTo>
                <a:cubicBezTo>
                  <a:pt x="1431" y="588"/>
                  <a:pt x="1436" y="584"/>
                  <a:pt x="1440" y="582"/>
                </a:cubicBezTo>
                <a:cubicBezTo>
                  <a:pt x="1369" y="501"/>
                  <a:pt x="1273" y="517"/>
                  <a:pt x="1195" y="449"/>
                </a:cubicBezTo>
                <a:cubicBezTo>
                  <a:pt x="1192" y="458"/>
                  <a:pt x="1181" y="447"/>
                  <a:pt x="1178" y="458"/>
                </a:cubicBezTo>
                <a:cubicBezTo>
                  <a:pt x="1135" y="426"/>
                  <a:pt x="1064" y="456"/>
                  <a:pt x="1032" y="406"/>
                </a:cubicBezTo>
                <a:cubicBezTo>
                  <a:pt x="1043" y="409"/>
                  <a:pt x="1058" y="420"/>
                  <a:pt x="1063" y="406"/>
                </a:cubicBezTo>
                <a:cubicBezTo>
                  <a:pt x="1052" y="404"/>
                  <a:pt x="997" y="368"/>
                  <a:pt x="1000" y="407"/>
                </a:cubicBezTo>
                <a:cubicBezTo>
                  <a:pt x="990" y="402"/>
                  <a:pt x="982" y="395"/>
                  <a:pt x="967" y="393"/>
                </a:cubicBezTo>
                <a:cubicBezTo>
                  <a:pt x="966" y="371"/>
                  <a:pt x="989" y="398"/>
                  <a:pt x="992" y="385"/>
                </a:cubicBezTo>
                <a:cubicBezTo>
                  <a:pt x="974" y="377"/>
                  <a:pt x="933" y="357"/>
                  <a:pt x="913" y="379"/>
                </a:cubicBezTo>
                <a:cubicBezTo>
                  <a:pt x="850" y="363"/>
                  <a:pt x="783" y="341"/>
                  <a:pt x="721" y="363"/>
                </a:cubicBezTo>
                <a:cubicBezTo>
                  <a:pt x="722" y="337"/>
                  <a:pt x="711" y="373"/>
                  <a:pt x="703" y="370"/>
                </a:cubicBezTo>
                <a:cubicBezTo>
                  <a:pt x="692" y="362"/>
                  <a:pt x="710" y="346"/>
                  <a:pt x="701" y="345"/>
                </a:cubicBezTo>
                <a:cubicBezTo>
                  <a:pt x="684" y="328"/>
                  <a:pt x="679" y="344"/>
                  <a:pt x="666" y="350"/>
                </a:cubicBezTo>
                <a:cubicBezTo>
                  <a:pt x="662" y="336"/>
                  <a:pt x="640" y="339"/>
                  <a:pt x="623" y="336"/>
                </a:cubicBezTo>
                <a:cubicBezTo>
                  <a:pt x="616" y="374"/>
                  <a:pt x="587" y="347"/>
                  <a:pt x="569" y="348"/>
                </a:cubicBezTo>
                <a:cubicBezTo>
                  <a:pt x="497" y="346"/>
                  <a:pt x="401" y="367"/>
                  <a:pt x="344" y="367"/>
                </a:cubicBezTo>
                <a:cubicBezTo>
                  <a:pt x="389" y="351"/>
                  <a:pt x="404" y="363"/>
                  <a:pt x="441" y="339"/>
                </a:cubicBezTo>
                <a:cubicBezTo>
                  <a:pt x="494" y="357"/>
                  <a:pt x="560" y="332"/>
                  <a:pt x="618" y="341"/>
                </a:cubicBezTo>
                <a:cubicBezTo>
                  <a:pt x="628" y="310"/>
                  <a:pt x="635" y="321"/>
                  <a:pt x="608" y="300"/>
                </a:cubicBezTo>
                <a:cubicBezTo>
                  <a:pt x="626" y="291"/>
                  <a:pt x="671" y="325"/>
                  <a:pt x="703" y="300"/>
                </a:cubicBezTo>
                <a:cubicBezTo>
                  <a:pt x="703" y="316"/>
                  <a:pt x="718" y="309"/>
                  <a:pt x="729" y="308"/>
                </a:cubicBezTo>
                <a:cubicBezTo>
                  <a:pt x="738" y="344"/>
                  <a:pt x="804" y="353"/>
                  <a:pt x="830" y="350"/>
                </a:cubicBezTo>
                <a:cubicBezTo>
                  <a:pt x="830" y="341"/>
                  <a:pt x="790" y="343"/>
                  <a:pt x="805" y="336"/>
                </a:cubicBezTo>
                <a:cubicBezTo>
                  <a:pt x="818" y="338"/>
                  <a:pt x="832" y="341"/>
                  <a:pt x="834" y="326"/>
                </a:cubicBezTo>
                <a:cubicBezTo>
                  <a:pt x="827" y="322"/>
                  <a:pt x="807" y="327"/>
                  <a:pt x="809" y="316"/>
                </a:cubicBezTo>
                <a:cubicBezTo>
                  <a:pt x="824" y="311"/>
                  <a:pt x="851" y="326"/>
                  <a:pt x="850" y="293"/>
                </a:cubicBezTo>
                <a:cubicBezTo>
                  <a:pt x="869" y="293"/>
                  <a:pt x="840" y="311"/>
                  <a:pt x="859" y="315"/>
                </a:cubicBezTo>
                <a:cubicBezTo>
                  <a:pt x="861" y="312"/>
                  <a:pt x="864" y="310"/>
                  <a:pt x="869" y="312"/>
                </a:cubicBezTo>
                <a:cubicBezTo>
                  <a:pt x="879" y="291"/>
                  <a:pt x="866" y="287"/>
                  <a:pt x="863" y="275"/>
                </a:cubicBezTo>
                <a:cubicBezTo>
                  <a:pt x="885" y="266"/>
                  <a:pt x="882" y="287"/>
                  <a:pt x="882" y="295"/>
                </a:cubicBezTo>
                <a:cubicBezTo>
                  <a:pt x="898" y="285"/>
                  <a:pt x="874" y="274"/>
                  <a:pt x="888" y="266"/>
                </a:cubicBezTo>
                <a:cubicBezTo>
                  <a:pt x="909" y="262"/>
                  <a:pt x="930" y="265"/>
                  <a:pt x="939" y="268"/>
                </a:cubicBezTo>
                <a:cubicBezTo>
                  <a:pt x="934" y="267"/>
                  <a:pt x="931" y="271"/>
                  <a:pt x="928" y="275"/>
                </a:cubicBezTo>
                <a:cubicBezTo>
                  <a:pt x="937" y="274"/>
                  <a:pt x="943" y="294"/>
                  <a:pt x="950" y="281"/>
                </a:cubicBezTo>
                <a:cubicBezTo>
                  <a:pt x="945" y="279"/>
                  <a:pt x="938" y="278"/>
                  <a:pt x="938" y="273"/>
                </a:cubicBezTo>
                <a:cubicBezTo>
                  <a:pt x="966" y="265"/>
                  <a:pt x="1004" y="288"/>
                  <a:pt x="1025" y="270"/>
                </a:cubicBezTo>
                <a:cubicBezTo>
                  <a:pt x="1034" y="279"/>
                  <a:pt x="1013" y="282"/>
                  <a:pt x="1024" y="290"/>
                </a:cubicBezTo>
                <a:cubicBezTo>
                  <a:pt x="1047" y="304"/>
                  <a:pt x="1052" y="279"/>
                  <a:pt x="1070" y="282"/>
                </a:cubicBezTo>
                <a:cubicBezTo>
                  <a:pt x="1070" y="290"/>
                  <a:pt x="1057" y="305"/>
                  <a:pt x="1067" y="308"/>
                </a:cubicBezTo>
                <a:cubicBezTo>
                  <a:pt x="1083" y="310"/>
                  <a:pt x="1105" y="329"/>
                  <a:pt x="1110" y="306"/>
                </a:cubicBezTo>
                <a:cubicBezTo>
                  <a:pt x="1107" y="301"/>
                  <a:pt x="1078" y="291"/>
                  <a:pt x="1091" y="290"/>
                </a:cubicBezTo>
                <a:cubicBezTo>
                  <a:pt x="1113" y="307"/>
                  <a:pt x="1133" y="303"/>
                  <a:pt x="1137" y="326"/>
                </a:cubicBezTo>
                <a:cubicBezTo>
                  <a:pt x="1156" y="327"/>
                  <a:pt x="1143" y="300"/>
                  <a:pt x="1160" y="303"/>
                </a:cubicBezTo>
                <a:cubicBezTo>
                  <a:pt x="1165" y="308"/>
                  <a:pt x="1154" y="321"/>
                  <a:pt x="1162" y="325"/>
                </a:cubicBezTo>
                <a:cubicBezTo>
                  <a:pt x="1171" y="318"/>
                  <a:pt x="1224" y="315"/>
                  <a:pt x="1195" y="327"/>
                </a:cubicBezTo>
                <a:cubicBezTo>
                  <a:pt x="1215" y="329"/>
                  <a:pt x="1219" y="331"/>
                  <a:pt x="1245" y="340"/>
                </a:cubicBezTo>
                <a:cubicBezTo>
                  <a:pt x="1242" y="347"/>
                  <a:pt x="1236" y="356"/>
                  <a:pt x="1241" y="360"/>
                </a:cubicBezTo>
                <a:cubicBezTo>
                  <a:pt x="1318" y="374"/>
                  <a:pt x="1369" y="422"/>
                  <a:pt x="1434" y="440"/>
                </a:cubicBezTo>
                <a:cubicBezTo>
                  <a:pt x="1407" y="467"/>
                  <a:pt x="1475" y="446"/>
                  <a:pt x="1478" y="489"/>
                </a:cubicBezTo>
                <a:cubicBezTo>
                  <a:pt x="1482" y="483"/>
                  <a:pt x="1482" y="478"/>
                  <a:pt x="1482" y="473"/>
                </a:cubicBezTo>
                <a:cubicBezTo>
                  <a:pt x="1493" y="490"/>
                  <a:pt x="1519" y="493"/>
                  <a:pt x="1537" y="494"/>
                </a:cubicBezTo>
                <a:cubicBezTo>
                  <a:pt x="1537" y="471"/>
                  <a:pt x="1508" y="474"/>
                  <a:pt x="1520" y="444"/>
                </a:cubicBezTo>
                <a:cubicBezTo>
                  <a:pt x="1546" y="462"/>
                  <a:pt x="1536" y="504"/>
                  <a:pt x="1572" y="515"/>
                </a:cubicBezTo>
                <a:cubicBezTo>
                  <a:pt x="1571" y="528"/>
                  <a:pt x="1552" y="525"/>
                  <a:pt x="1561" y="532"/>
                </a:cubicBezTo>
                <a:cubicBezTo>
                  <a:pt x="1576" y="534"/>
                  <a:pt x="1578" y="538"/>
                  <a:pt x="1581" y="551"/>
                </a:cubicBezTo>
                <a:cubicBezTo>
                  <a:pt x="1590" y="536"/>
                  <a:pt x="1602" y="543"/>
                  <a:pt x="1613" y="542"/>
                </a:cubicBezTo>
                <a:cubicBezTo>
                  <a:pt x="1619" y="554"/>
                  <a:pt x="1628" y="561"/>
                  <a:pt x="1638" y="567"/>
                </a:cubicBezTo>
                <a:cubicBezTo>
                  <a:pt x="1642" y="568"/>
                  <a:pt x="1633" y="545"/>
                  <a:pt x="1619" y="545"/>
                </a:cubicBezTo>
                <a:cubicBezTo>
                  <a:pt x="1648" y="529"/>
                  <a:pt x="1689" y="551"/>
                  <a:pt x="1727" y="539"/>
                </a:cubicBezTo>
                <a:cubicBezTo>
                  <a:pt x="1741" y="550"/>
                  <a:pt x="1755" y="552"/>
                  <a:pt x="1771" y="547"/>
                </a:cubicBezTo>
                <a:cubicBezTo>
                  <a:pt x="1776" y="551"/>
                  <a:pt x="1779" y="556"/>
                  <a:pt x="1779" y="562"/>
                </a:cubicBezTo>
                <a:cubicBezTo>
                  <a:pt x="1800" y="546"/>
                  <a:pt x="1832" y="570"/>
                  <a:pt x="1856" y="584"/>
                </a:cubicBezTo>
                <a:cubicBezTo>
                  <a:pt x="1857" y="582"/>
                  <a:pt x="1859" y="581"/>
                  <a:pt x="1862" y="580"/>
                </a:cubicBezTo>
                <a:cubicBezTo>
                  <a:pt x="1852" y="581"/>
                  <a:pt x="1845" y="570"/>
                  <a:pt x="1847" y="560"/>
                </a:cubicBezTo>
                <a:cubicBezTo>
                  <a:pt x="1866" y="571"/>
                  <a:pt x="1872" y="582"/>
                  <a:pt x="1880" y="592"/>
                </a:cubicBezTo>
                <a:cubicBezTo>
                  <a:pt x="1883" y="591"/>
                  <a:pt x="1886" y="589"/>
                  <a:pt x="1887" y="586"/>
                </a:cubicBezTo>
                <a:cubicBezTo>
                  <a:pt x="1889" y="591"/>
                  <a:pt x="1889" y="597"/>
                  <a:pt x="1890" y="602"/>
                </a:cubicBezTo>
                <a:cubicBezTo>
                  <a:pt x="1894" y="605"/>
                  <a:pt x="1899" y="608"/>
                  <a:pt x="1905" y="610"/>
                </a:cubicBezTo>
                <a:cubicBezTo>
                  <a:pt x="1902" y="615"/>
                  <a:pt x="1899" y="620"/>
                  <a:pt x="1906" y="624"/>
                </a:cubicBezTo>
                <a:cubicBezTo>
                  <a:pt x="1903" y="624"/>
                  <a:pt x="1900" y="625"/>
                  <a:pt x="1898" y="626"/>
                </a:cubicBezTo>
                <a:cubicBezTo>
                  <a:pt x="1900" y="630"/>
                  <a:pt x="1903" y="634"/>
                  <a:pt x="1906" y="638"/>
                </a:cubicBezTo>
                <a:cubicBezTo>
                  <a:pt x="1898" y="647"/>
                  <a:pt x="1893" y="639"/>
                  <a:pt x="1885" y="651"/>
                </a:cubicBezTo>
                <a:cubicBezTo>
                  <a:pt x="1893" y="659"/>
                  <a:pt x="1898" y="668"/>
                  <a:pt x="1894" y="677"/>
                </a:cubicBezTo>
                <a:cubicBezTo>
                  <a:pt x="1881" y="664"/>
                  <a:pt x="1885" y="652"/>
                  <a:pt x="1884" y="639"/>
                </a:cubicBezTo>
                <a:cubicBezTo>
                  <a:pt x="1881" y="642"/>
                  <a:pt x="1878" y="644"/>
                  <a:pt x="1873" y="641"/>
                </a:cubicBezTo>
                <a:cubicBezTo>
                  <a:pt x="1870" y="636"/>
                  <a:pt x="1876" y="633"/>
                  <a:pt x="1883" y="630"/>
                </a:cubicBezTo>
                <a:cubicBezTo>
                  <a:pt x="1882" y="627"/>
                  <a:pt x="1881" y="625"/>
                  <a:pt x="1879" y="622"/>
                </a:cubicBezTo>
                <a:cubicBezTo>
                  <a:pt x="1868" y="637"/>
                  <a:pt x="1855" y="632"/>
                  <a:pt x="1857" y="620"/>
                </a:cubicBezTo>
                <a:cubicBezTo>
                  <a:pt x="1861" y="612"/>
                  <a:pt x="1864" y="613"/>
                  <a:pt x="1866" y="616"/>
                </a:cubicBezTo>
                <a:cubicBezTo>
                  <a:pt x="1865" y="612"/>
                  <a:pt x="1863" y="608"/>
                  <a:pt x="1862" y="605"/>
                </a:cubicBezTo>
                <a:cubicBezTo>
                  <a:pt x="1847" y="594"/>
                  <a:pt x="1828" y="559"/>
                  <a:pt x="1821" y="603"/>
                </a:cubicBezTo>
                <a:cubicBezTo>
                  <a:pt x="1847" y="620"/>
                  <a:pt x="1825" y="621"/>
                  <a:pt x="1826" y="638"/>
                </a:cubicBezTo>
                <a:cubicBezTo>
                  <a:pt x="1833" y="649"/>
                  <a:pt x="1843" y="636"/>
                  <a:pt x="1851" y="643"/>
                </a:cubicBezTo>
                <a:cubicBezTo>
                  <a:pt x="1834" y="662"/>
                  <a:pt x="1849" y="677"/>
                  <a:pt x="1863" y="687"/>
                </a:cubicBezTo>
                <a:cubicBezTo>
                  <a:pt x="1870" y="712"/>
                  <a:pt x="1864" y="744"/>
                  <a:pt x="1863" y="770"/>
                </a:cubicBezTo>
                <a:cubicBezTo>
                  <a:pt x="1874" y="767"/>
                  <a:pt x="1884" y="783"/>
                  <a:pt x="1895" y="768"/>
                </a:cubicBezTo>
                <a:cubicBezTo>
                  <a:pt x="1901" y="799"/>
                  <a:pt x="1932" y="788"/>
                  <a:pt x="1930" y="817"/>
                </a:cubicBezTo>
                <a:cubicBezTo>
                  <a:pt x="1925" y="813"/>
                  <a:pt x="1921" y="810"/>
                  <a:pt x="1916" y="817"/>
                </a:cubicBezTo>
                <a:cubicBezTo>
                  <a:pt x="1921" y="828"/>
                  <a:pt x="1922" y="828"/>
                  <a:pt x="1935" y="844"/>
                </a:cubicBezTo>
                <a:cubicBezTo>
                  <a:pt x="1941" y="838"/>
                  <a:pt x="1947" y="831"/>
                  <a:pt x="1952" y="840"/>
                </a:cubicBezTo>
                <a:cubicBezTo>
                  <a:pt x="1939" y="872"/>
                  <a:pt x="1986" y="877"/>
                  <a:pt x="2005" y="889"/>
                </a:cubicBezTo>
                <a:cubicBezTo>
                  <a:pt x="1999" y="897"/>
                  <a:pt x="1994" y="891"/>
                  <a:pt x="1988" y="893"/>
                </a:cubicBezTo>
                <a:cubicBezTo>
                  <a:pt x="1998" y="907"/>
                  <a:pt x="2017" y="934"/>
                  <a:pt x="2039" y="920"/>
                </a:cubicBezTo>
                <a:cubicBezTo>
                  <a:pt x="2035" y="908"/>
                  <a:pt x="2013" y="922"/>
                  <a:pt x="2020" y="906"/>
                </a:cubicBezTo>
                <a:cubicBezTo>
                  <a:pt x="2026" y="910"/>
                  <a:pt x="2032" y="903"/>
                  <a:pt x="2038" y="903"/>
                </a:cubicBezTo>
                <a:cubicBezTo>
                  <a:pt x="2046" y="978"/>
                  <a:pt x="2128" y="1007"/>
                  <a:pt x="2123" y="1058"/>
                </a:cubicBezTo>
                <a:cubicBezTo>
                  <a:pt x="2132" y="1069"/>
                  <a:pt x="2156" y="1066"/>
                  <a:pt x="2164" y="1091"/>
                </a:cubicBezTo>
                <a:cubicBezTo>
                  <a:pt x="2173" y="1094"/>
                  <a:pt x="2186" y="1153"/>
                  <a:pt x="2218" y="1155"/>
                </a:cubicBezTo>
                <a:cubicBezTo>
                  <a:pt x="2230" y="1150"/>
                  <a:pt x="2204" y="1121"/>
                  <a:pt x="2218" y="1127"/>
                </a:cubicBezTo>
                <a:cubicBezTo>
                  <a:pt x="2225" y="1142"/>
                  <a:pt x="2224" y="1150"/>
                  <a:pt x="2238" y="1159"/>
                </a:cubicBezTo>
                <a:cubicBezTo>
                  <a:pt x="2214" y="1170"/>
                  <a:pt x="2233" y="1190"/>
                  <a:pt x="2247" y="1192"/>
                </a:cubicBezTo>
                <a:cubicBezTo>
                  <a:pt x="2245" y="1175"/>
                  <a:pt x="2235" y="1157"/>
                  <a:pt x="2246" y="1143"/>
                </a:cubicBezTo>
                <a:cubicBezTo>
                  <a:pt x="2254" y="1166"/>
                  <a:pt x="2261" y="1229"/>
                  <a:pt x="2300" y="1204"/>
                </a:cubicBezTo>
                <a:cubicBezTo>
                  <a:pt x="2296" y="1207"/>
                  <a:pt x="2299" y="1214"/>
                  <a:pt x="2305" y="1212"/>
                </a:cubicBezTo>
                <a:cubicBezTo>
                  <a:pt x="2306" y="1189"/>
                  <a:pt x="2400" y="1257"/>
                  <a:pt x="2370" y="1335"/>
                </a:cubicBezTo>
                <a:cubicBezTo>
                  <a:pt x="2379" y="1332"/>
                  <a:pt x="2377" y="1325"/>
                  <a:pt x="2385" y="1322"/>
                </a:cubicBezTo>
                <a:cubicBezTo>
                  <a:pt x="2392" y="1335"/>
                  <a:pt x="2378" y="1341"/>
                  <a:pt x="2391" y="1356"/>
                </a:cubicBezTo>
                <a:cubicBezTo>
                  <a:pt x="2399" y="1351"/>
                  <a:pt x="2403" y="1357"/>
                  <a:pt x="2411" y="1352"/>
                </a:cubicBezTo>
                <a:cubicBezTo>
                  <a:pt x="2415" y="1365"/>
                  <a:pt x="2420" y="1378"/>
                  <a:pt x="2416" y="1388"/>
                </a:cubicBezTo>
                <a:cubicBezTo>
                  <a:pt x="2409" y="1367"/>
                  <a:pt x="2396" y="1363"/>
                  <a:pt x="2380" y="1367"/>
                </a:cubicBezTo>
                <a:cubicBezTo>
                  <a:pt x="2400" y="1394"/>
                  <a:pt x="2385" y="1417"/>
                  <a:pt x="2419" y="1434"/>
                </a:cubicBezTo>
                <a:cubicBezTo>
                  <a:pt x="2407" y="1418"/>
                  <a:pt x="2427" y="1415"/>
                  <a:pt x="2415" y="1399"/>
                </a:cubicBezTo>
                <a:cubicBezTo>
                  <a:pt x="2428" y="1398"/>
                  <a:pt x="2445" y="1388"/>
                  <a:pt x="2450" y="1405"/>
                </a:cubicBezTo>
                <a:cubicBezTo>
                  <a:pt x="2444" y="1409"/>
                  <a:pt x="2433" y="1411"/>
                  <a:pt x="2434" y="1417"/>
                </a:cubicBezTo>
                <a:cubicBezTo>
                  <a:pt x="2454" y="1405"/>
                  <a:pt x="2485" y="1462"/>
                  <a:pt x="2495" y="1488"/>
                </a:cubicBezTo>
                <a:cubicBezTo>
                  <a:pt x="2480" y="1500"/>
                  <a:pt x="2477" y="1482"/>
                  <a:pt x="2464" y="1490"/>
                </a:cubicBezTo>
                <a:cubicBezTo>
                  <a:pt x="2471" y="1493"/>
                  <a:pt x="2475" y="1504"/>
                  <a:pt x="2479" y="1515"/>
                </a:cubicBezTo>
                <a:cubicBezTo>
                  <a:pt x="2487" y="1501"/>
                  <a:pt x="2486" y="1505"/>
                  <a:pt x="2505" y="1500"/>
                </a:cubicBezTo>
                <a:cubicBezTo>
                  <a:pt x="2515" y="1514"/>
                  <a:pt x="2492" y="1512"/>
                  <a:pt x="2498" y="1524"/>
                </a:cubicBezTo>
                <a:cubicBezTo>
                  <a:pt x="2516" y="1517"/>
                  <a:pt x="2516" y="1546"/>
                  <a:pt x="2531" y="1544"/>
                </a:cubicBezTo>
                <a:cubicBezTo>
                  <a:pt x="2522" y="1571"/>
                  <a:pt x="2537" y="1572"/>
                  <a:pt x="2548" y="1565"/>
                </a:cubicBezTo>
                <a:cubicBezTo>
                  <a:pt x="2541" y="1588"/>
                  <a:pt x="2548" y="1594"/>
                  <a:pt x="2537" y="1611"/>
                </a:cubicBezTo>
                <a:cubicBezTo>
                  <a:pt x="2549" y="1617"/>
                  <a:pt x="2543" y="1609"/>
                  <a:pt x="2556" y="1606"/>
                </a:cubicBezTo>
                <a:cubicBezTo>
                  <a:pt x="2557" y="1628"/>
                  <a:pt x="2559" y="1625"/>
                  <a:pt x="2571" y="1638"/>
                </a:cubicBezTo>
                <a:cubicBezTo>
                  <a:pt x="2568" y="1647"/>
                  <a:pt x="2561" y="1654"/>
                  <a:pt x="2557" y="1663"/>
                </a:cubicBezTo>
                <a:cubicBezTo>
                  <a:pt x="2570" y="1669"/>
                  <a:pt x="2566" y="1682"/>
                  <a:pt x="2573" y="1664"/>
                </a:cubicBezTo>
                <a:cubicBezTo>
                  <a:pt x="2599" y="1705"/>
                  <a:pt x="2550" y="1738"/>
                  <a:pt x="2564" y="1771"/>
                </a:cubicBezTo>
                <a:cubicBezTo>
                  <a:pt x="2528" y="1782"/>
                  <a:pt x="2547" y="1801"/>
                  <a:pt x="2563" y="1817"/>
                </a:cubicBezTo>
                <a:cubicBezTo>
                  <a:pt x="2553" y="1826"/>
                  <a:pt x="2542" y="1808"/>
                  <a:pt x="2544" y="1821"/>
                </a:cubicBezTo>
                <a:cubicBezTo>
                  <a:pt x="2557" y="1832"/>
                  <a:pt x="2558" y="1844"/>
                  <a:pt x="2557" y="1864"/>
                </a:cubicBezTo>
                <a:cubicBezTo>
                  <a:pt x="2574" y="1866"/>
                  <a:pt x="2571" y="1854"/>
                  <a:pt x="2580" y="1850"/>
                </a:cubicBezTo>
                <a:cubicBezTo>
                  <a:pt x="2574" y="1862"/>
                  <a:pt x="2586" y="1877"/>
                  <a:pt x="2581" y="1880"/>
                </a:cubicBezTo>
                <a:cubicBezTo>
                  <a:pt x="2577" y="1874"/>
                  <a:pt x="2571" y="1870"/>
                  <a:pt x="2563" y="1868"/>
                </a:cubicBezTo>
                <a:cubicBezTo>
                  <a:pt x="2565" y="1880"/>
                  <a:pt x="2557" y="1884"/>
                  <a:pt x="2564" y="1898"/>
                </a:cubicBezTo>
                <a:cubicBezTo>
                  <a:pt x="2569" y="1898"/>
                  <a:pt x="2573" y="1897"/>
                  <a:pt x="2578" y="1896"/>
                </a:cubicBezTo>
                <a:cubicBezTo>
                  <a:pt x="2558" y="1943"/>
                  <a:pt x="2589" y="1999"/>
                  <a:pt x="2569" y="2020"/>
                </a:cubicBezTo>
                <a:cubicBezTo>
                  <a:pt x="2566" y="2037"/>
                  <a:pt x="2583" y="2029"/>
                  <a:pt x="2585" y="2039"/>
                </a:cubicBezTo>
                <a:cubicBezTo>
                  <a:pt x="2579" y="2040"/>
                  <a:pt x="2574" y="2038"/>
                  <a:pt x="2570" y="2035"/>
                </a:cubicBezTo>
                <a:cubicBezTo>
                  <a:pt x="2560" y="2048"/>
                  <a:pt x="2603" y="2105"/>
                  <a:pt x="2574" y="2075"/>
                </a:cubicBezTo>
                <a:cubicBezTo>
                  <a:pt x="2578" y="2099"/>
                  <a:pt x="2597" y="2105"/>
                  <a:pt x="2586" y="2121"/>
                </a:cubicBezTo>
                <a:cubicBezTo>
                  <a:pt x="2584" y="2109"/>
                  <a:pt x="2572" y="2109"/>
                  <a:pt x="2571" y="2121"/>
                </a:cubicBezTo>
                <a:cubicBezTo>
                  <a:pt x="2578" y="2114"/>
                  <a:pt x="2587" y="2117"/>
                  <a:pt x="2587" y="2131"/>
                </a:cubicBezTo>
                <a:cubicBezTo>
                  <a:pt x="2578" y="2136"/>
                  <a:pt x="2576" y="2147"/>
                  <a:pt x="2572" y="2157"/>
                </a:cubicBezTo>
                <a:cubicBezTo>
                  <a:pt x="2586" y="2143"/>
                  <a:pt x="2582" y="2181"/>
                  <a:pt x="2578" y="2188"/>
                </a:cubicBezTo>
                <a:cubicBezTo>
                  <a:pt x="2577" y="2184"/>
                  <a:pt x="2578" y="2178"/>
                  <a:pt x="2573" y="2178"/>
                </a:cubicBezTo>
                <a:cubicBezTo>
                  <a:pt x="2571" y="2188"/>
                  <a:pt x="2561" y="2215"/>
                  <a:pt x="2573" y="2224"/>
                </a:cubicBezTo>
                <a:cubicBezTo>
                  <a:pt x="2580" y="2220"/>
                  <a:pt x="2574" y="2204"/>
                  <a:pt x="2583" y="2203"/>
                </a:cubicBezTo>
                <a:cubicBezTo>
                  <a:pt x="2592" y="2220"/>
                  <a:pt x="2577" y="2226"/>
                  <a:pt x="2573" y="2244"/>
                </a:cubicBezTo>
                <a:cubicBezTo>
                  <a:pt x="2603" y="2253"/>
                  <a:pt x="2551" y="2294"/>
                  <a:pt x="2587" y="2301"/>
                </a:cubicBezTo>
                <a:cubicBezTo>
                  <a:pt x="2570" y="2259"/>
                  <a:pt x="2633" y="2233"/>
                  <a:pt x="2593" y="2208"/>
                </a:cubicBezTo>
                <a:cubicBezTo>
                  <a:pt x="2621" y="2207"/>
                  <a:pt x="2604" y="2190"/>
                  <a:pt x="2613" y="2166"/>
                </a:cubicBezTo>
                <a:cubicBezTo>
                  <a:pt x="2628" y="2172"/>
                  <a:pt x="2624" y="2158"/>
                  <a:pt x="2632" y="2155"/>
                </a:cubicBezTo>
                <a:cubicBezTo>
                  <a:pt x="2637" y="2180"/>
                  <a:pt x="2627" y="2171"/>
                  <a:pt x="2623" y="2177"/>
                </a:cubicBezTo>
                <a:cubicBezTo>
                  <a:pt x="2628" y="2181"/>
                  <a:pt x="2624" y="2196"/>
                  <a:pt x="2638" y="2192"/>
                </a:cubicBezTo>
                <a:cubicBezTo>
                  <a:pt x="2639" y="2186"/>
                  <a:pt x="2637" y="2177"/>
                  <a:pt x="2643" y="2176"/>
                </a:cubicBezTo>
                <a:cubicBezTo>
                  <a:pt x="2639" y="2198"/>
                  <a:pt x="2645" y="2209"/>
                  <a:pt x="2658" y="2213"/>
                </a:cubicBezTo>
                <a:cubicBezTo>
                  <a:pt x="2646" y="2252"/>
                  <a:pt x="2662" y="2272"/>
                  <a:pt x="2651" y="2320"/>
                </a:cubicBezTo>
                <a:cubicBezTo>
                  <a:pt x="2641" y="2330"/>
                  <a:pt x="2636" y="2312"/>
                  <a:pt x="2630" y="2330"/>
                </a:cubicBezTo>
                <a:cubicBezTo>
                  <a:pt x="2648" y="2395"/>
                  <a:pt x="2601" y="2454"/>
                  <a:pt x="2601" y="2515"/>
                </a:cubicBezTo>
                <a:cubicBezTo>
                  <a:pt x="2584" y="2523"/>
                  <a:pt x="2574" y="2501"/>
                  <a:pt x="2569" y="2526"/>
                </a:cubicBezTo>
                <a:cubicBezTo>
                  <a:pt x="2574" y="2540"/>
                  <a:pt x="2584" y="2538"/>
                  <a:pt x="2598" y="2536"/>
                </a:cubicBezTo>
                <a:cubicBezTo>
                  <a:pt x="2570" y="2581"/>
                  <a:pt x="2593" y="2618"/>
                  <a:pt x="2576" y="2669"/>
                </a:cubicBezTo>
                <a:cubicBezTo>
                  <a:pt x="2532" y="2681"/>
                  <a:pt x="2551" y="2763"/>
                  <a:pt x="2509" y="2785"/>
                </a:cubicBezTo>
                <a:cubicBezTo>
                  <a:pt x="2523" y="2763"/>
                  <a:pt x="2532" y="2732"/>
                  <a:pt x="2519" y="2716"/>
                </a:cubicBezTo>
                <a:cubicBezTo>
                  <a:pt x="2496" y="2730"/>
                  <a:pt x="2473" y="2788"/>
                  <a:pt x="2507" y="2790"/>
                </a:cubicBezTo>
                <a:cubicBezTo>
                  <a:pt x="2482" y="2813"/>
                  <a:pt x="2510" y="2849"/>
                  <a:pt x="2478" y="2848"/>
                </a:cubicBezTo>
                <a:cubicBezTo>
                  <a:pt x="2510" y="2870"/>
                  <a:pt x="2480" y="2928"/>
                  <a:pt x="2461" y="2950"/>
                </a:cubicBezTo>
                <a:cubicBezTo>
                  <a:pt x="2447" y="3015"/>
                  <a:pt x="2395" y="3116"/>
                  <a:pt x="2340" y="3166"/>
                </a:cubicBezTo>
                <a:cubicBezTo>
                  <a:pt x="2347" y="3170"/>
                  <a:pt x="2356" y="3174"/>
                  <a:pt x="2348" y="3183"/>
                </a:cubicBezTo>
                <a:cubicBezTo>
                  <a:pt x="2337" y="3177"/>
                  <a:pt x="2325" y="3171"/>
                  <a:pt x="2319" y="3184"/>
                </a:cubicBezTo>
                <a:cubicBezTo>
                  <a:pt x="2326" y="3192"/>
                  <a:pt x="2340" y="3179"/>
                  <a:pt x="2329" y="3196"/>
                </a:cubicBezTo>
                <a:cubicBezTo>
                  <a:pt x="2319" y="3196"/>
                  <a:pt x="2308" y="3203"/>
                  <a:pt x="2311" y="3216"/>
                </a:cubicBezTo>
                <a:cubicBezTo>
                  <a:pt x="2299" y="3223"/>
                  <a:pt x="2304" y="3204"/>
                  <a:pt x="2296" y="3213"/>
                </a:cubicBezTo>
                <a:cubicBezTo>
                  <a:pt x="2291" y="3222"/>
                  <a:pt x="2289" y="3230"/>
                  <a:pt x="2293" y="3237"/>
                </a:cubicBezTo>
                <a:cubicBezTo>
                  <a:pt x="2300" y="3240"/>
                  <a:pt x="2304" y="3227"/>
                  <a:pt x="2311" y="3235"/>
                </a:cubicBezTo>
                <a:cubicBezTo>
                  <a:pt x="2292" y="3246"/>
                  <a:pt x="2294" y="3253"/>
                  <a:pt x="2274" y="3268"/>
                </a:cubicBezTo>
                <a:cubicBezTo>
                  <a:pt x="2259" y="3260"/>
                  <a:pt x="2284" y="3253"/>
                  <a:pt x="2268" y="3240"/>
                </a:cubicBezTo>
                <a:cubicBezTo>
                  <a:pt x="2157" y="3299"/>
                  <a:pt x="2094" y="3409"/>
                  <a:pt x="2002" y="3491"/>
                </a:cubicBezTo>
                <a:cubicBezTo>
                  <a:pt x="2008" y="3504"/>
                  <a:pt x="2030" y="3473"/>
                  <a:pt x="2024" y="3490"/>
                </a:cubicBezTo>
                <a:cubicBezTo>
                  <a:pt x="1925" y="3529"/>
                  <a:pt x="1981" y="3572"/>
                  <a:pt x="1913" y="3558"/>
                </a:cubicBezTo>
                <a:cubicBezTo>
                  <a:pt x="1908" y="3580"/>
                  <a:pt x="1846" y="3589"/>
                  <a:pt x="1851" y="3626"/>
                </a:cubicBezTo>
                <a:cubicBezTo>
                  <a:pt x="1837" y="3614"/>
                  <a:pt x="1834" y="3644"/>
                  <a:pt x="1815" y="3637"/>
                </a:cubicBezTo>
                <a:cubicBezTo>
                  <a:pt x="1826" y="3652"/>
                  <a:pt x="1817" y="3655"/>
                  <a:pt x="1806" y="3651"/>
                </a:cubicBezTo>
                <a:cubicBezTo>
                  <a:pt x="1823" y="3675"/>
                  <a:pt x="1789" y="3673"/>
                  <a:pt x="1794" y="3692"/>
                </a:cubicBezTo>
                <a:cubicBezTo>
                  <a:pt x="1777" y="3683"/>
                  <a:pt x="1768" y="3695"/>
                  <a:pt x="1758" y="3712"/>
                </a:cubicBezTo>
                <a:cubicBezTo>
                  <a:pt x="1745" y="3712"/>
                  <a:pt x="1756" y="3698"/>
                  <a:pt x="1745" y="3703"/>
                </a:cubicBezTo>
                <a:cubicBezTo>
                  <a:pt x="1732" y="3727"/>
                  <a:pt x="1688" y="3726"/>
                  <a:pt x="1695" y="3762"/>
                </a:cubicBezTo>
                <a:cubicBezTo>
                  <a:pt x="1671" y="3752"/>
                  <a:pt x="1619" y="3793"/>
                  <a:pt x="1617" y="3817"/>
                </a:cubicBezTo>
                <a:cubicBezTo>
                  <a:pt x="1599" y="3795"/>
                  <a:pt x="1554" y="3827"/>
                  <a:pt x="1560" y="3838"/>
                </a:cubicBezTo>
                <a:cubicBezTo>
                  <a:pt x="1538" y="3835"/>
                  <a:pt x="1515" y="3834"/>
                  <a:pt x="1492" y="3835"/>
                </a:cubicBezTo>
                <a:cubicBezTo>
                  <a:pt x="1498" y="3840"/>
                  <a:pt x="1504" y="3843"/>
                  <a:pt x="1510" y="3848"/>
                </a:cubicBezTo>
                <a:cubicBezTo>
                  <a:pt x="1426" y="3895"/>
                  <a:pt x="1349" y="3900"/>
                  <a:pt x="1262" y="3954"/>
                </a:cubicBezTo>
                <a:cubicBezTo>
                  <a:pt x="1259" y="3946"/>
                  <a:pt x="1254" y="3943"/>
                  <a:pt x="1248" y="3943"/>
                </a:cubicBezTo>
                <a:cubicBezTo>
                  <a:pt x="1234" y="3988"/>
                  <a:pt x="1140" y="3944"/>
                  <a:pt x="1153" y="4004"/>
                </a:cubicBezTo>
                <a:cubicBezTo>
                  <a:pt x="1129" y="4010"/>
                  <a:pt x="1146" y="3988"/>
                  <a:pt x="1128" y="3985"/>
                </a:cubicBezTo>
                <a:cubicBezTo>
                  <a:pt x="1077" y="4002"/>
                  <a:pt x="1037" y="3994"/>
                  <a:pt x="1012" y="4021"/>
                </a:cubicBezTo>
                <a:cubicBezTo>
                  <a:pt x="981" y="4013"/>
                  <a:pt x="969" y="4021"/>
                  <a:pt x="932" y="4015"/>
                </a:cubicBezTo>
                <a:cubicBezTo>
                  <a:pt x="932" y="4026"/>
                  <a:pt x="946" y="4018"/>
                  <a:pt x="948" y="4028"/>
                </a:cubicBezTo>
                <a:cubicBezTo>
                  <a:pt x="904" y="4031"/>
                  <a:pt x="880" y="4021"/>
                  <a:pt x="849" y="4050"/>
                </a:cubicBezTo>
                <a:cubicBezTo>
                  <a:pt x="848" y="4027"/>
                  <a:pt x="823" y="4036"/>
                  <a:pt x="818" y="4018"/>
                </a:cubicBezTo>
                <a:cubicBezTo>
                  <a:pt x="843" y="4014"/>
                  <a:pt x="873" y="4010"/>
                  <a:pt x="882" y="3981"/>
                </a:cubicBezTo>
                <a:cubicBezTo>
                  <a:pt x="861" y="3974"/>
                  <a:pt x="856" y="4003"/>
                  <a:pt x="847" y="3990"/>
                </a:cubicBezTo>
                <a:cubicBezTo>
                  <a:pt x="886" y="3952"/>
                  <a:pt x="915" y="3987"/>
                  <a:pt x="966" y="3974"/>
                </a:cubicBezTo>
                <a:cubicBezTo>
                  <a:pt x="965" y="3967"/>
                  <a:pt x="962" y="3964"/>
                  <a:pt x="959" y="3960"/>
                </a:cubicBezTo>
                <a:cubicBezTo>
                  <a:pt x="975" y="3948"/>
                  <a:pt x="996" y="3956"/>
                  <a:pt x="1014" y="3959"/>
                </a:cubicBezTo>
                <a:cubicBezTo>
                  <a:pt x="1091" y="3912"/>
                  <a:pt x="1205" y="3938"/>
                  <a:pt x="1272" y="3871"/>
                </a:cubicBezTo>
                <a:cubicBezTo>
                  <a:pt x="1305" y="3884"/>
                  <a:pt x="1351" y="3862"/>
                  <a:pt x="1393" y="3848"/>
                </a:cubicBezTo>
                <a:cubicBezTo>
                  <a:pt x="1377" y="3830"/>
                  <a:pt x="1341" y="3865"/>
                  <a:pt x="1326" y="3845"/>
                </a:cubicBezTo>
                <a:cubicBezTo>
                  <a:pt x="1344" y="3838"/>
                  <a:pt x="1413" y="3818"/>
                  <a:pt x="1415" y="3797"/>
                </a:cubicBezTo>
                <a:cubicBezTo>
                  <a:pt x="1425" y="3816"/>
                  <a:pt x="1434" y="3815"/>
                  <a:pt x="1444" y="3792"/>
                </a:cubicBezTo>
                <a:cubicBezTo>
                  <a:pt x="1464" y="3814"/>
                  <a:pt x="1526" y="3763"/>
                  <a:pt x="1548" y="3747"/>
                </a:cubicBezTo>
                <a:cubicBezTo>
                  <a:pt x="1546" y="3750"/>
                  <a:pt x="1545" y="3754"/>
                  <a:pt x="1549" y="3758"/>
                </a:cubicBezTo>
                <a:cubicBezTo>
                  <a:pt x="1552" y="3746"/>
                  <a:pt x="1594" y="3754"/>
                  <a:pt x="1598" y="3730"/>
                </a:cubicBezTo>
                <a:cubicBezTo>
                  <a:pt x="1590" y="3736"/>
                  <a:pt x="1582" y="3738"/>
                  <a:pt x="1577" y="3731"/>
                </a:cubicBezTo>
                <a:cubicBezTo>
                  <a:pt x="1584" y="3706"/>
                  <a:pt x="1601" y="3740"/>
                  <a:pt x="1617" y="3724"/>
                </a:cubicBezTo>
                <a:cubicBezTo>
                  <a:pt x="1612" y="3714"/>
                  <a:pt x="1603" y="3726"/>
                  <a:pt x="1597" y="3719"/>
                </a:cubicBezTo>
                <a:cubicBezTo>
                  <a:pt x="1635" y="3704"/>
                  <a:pt x="1688" y="3652"/>
                  <a:pt x="1723" y="3639"/>
                </a:cubicBezTo>
                <a:cubicBezTo>
                  <a:pt x="1737" y="3648"/>
                  <a:pt x="1712" y="3651"/>
                  <a:pt x="1727" y="3661"/>
                </a:cubicBezTo>
                <a:cubicBezTo>
                  <a:pt x="1747" y="3647"/>
                  <a:pt x="1755" y="3644"/>
                  <a:pt x="1727" y="3636"/>
                </a:cubicBezTo>
                <a:cubicBezTo>
                  <a:pt x="1791" y="3586"/>
                  <a:pt x="1850" y="3545"/>
                  <a:pt x="1908" y="3482"/>
                </a:cubicBezTo>
                <a:cubicBezTo>
                  <a:pt x="1900" y="3457"/>
                  <a:pt x="1960" y="3434"/>
                  <a:pt x="1975" y="3410"/>
                </a:cubicBezTo>
                <a:cubicBezTo>
                  <a:pt x="1994" y="3380"/>
                  <a:pt x="2041" y="3345"/>
                  <a:pt x="2074" y="3308"/>
                </a:cubicBezTo>
                <a:cubicBezTo>
                  <a:pt x="2126" y="3251"/>
                  <a:pt x="2155" y="3178"/>
                  <a:pt x="2213" y="3128"/>
                </a:cubicBezTo>
                <a:cubicBezTo>
                  <a:pt x="2206" y="3124"/>
                  <a:pt x="2198" y="3120"/>
                  <a:pt x="2205" y="3112"/>
                </a:cubicBezTo>
                <a:cubicBezTo>
                  <a:pt x="2238" y="3137"/>
                  <a:pt x="2234" y="3073"/>
                  <a:pt x="2223" y="3060"/>
                </a:cubicBezTo>
                <a:cubicBezTo>
                  <a:pt x="2234" y="3060"/>
                  <a:pt x="2244" y="3058"/>
                  <a:pt x="2254" y="3054"/>
                </a:cubicBezTo>
                <a:cubicBezTo>
                  <a:pt x="2251" y="3063"/>
                  <a:pt x="2230" y="3069"/>
                  <a:pt x="2240" y="3080"/>
                </a:cubicBezTo>
                <a:cubicBezTo>
                  <a:pt x="2246" y="3073"/>
                  <a:pt x="2257" y="3079"/>
                  <a:pt x="2261" y="3063"/>
                </a:cubicBezTo>
                <a:cubicBezTo>
                  <a:pt x="2242" y="3031"/>
                  <a:pt x="2255" y="3051"/>
                  <a:pt x="2261" y="3019"/>
                </a:cubicBezTo>
                <a:cubicBezTo>
                  <a:pt x="2258" y="3027"/>
                  <a:pt x="2252" y="3029"/>
                  <a:pt x="2246" y="3028"/>
                </a:cubicBezTo>
                <a:cubicBezTo>
                  <a:pt x="2270" y="3015"/>
                  <a:pt x="2260" y="2971"/>
                  <a:pt x="2284" y="2959"/>
                </a:cubicBezTo>
                <a:cubicBezTo>
                  <a:pt x="2281" y="2986"/>
                  <a:pt x="2273" y="2991"/>
                  <a:pt x="2275" y="3015"/>
                </a:cubicBezTo>
                <a:cubicBezTo>
                  <a:pt x="2289" y="2993"/>
                  <a:pt x="2288" y="2986"/>
                  <a:pt x="2307" y="2969"/>
                </a:cubicBezTo>
                <a:cubicBezTo>
                  <a:pt x="2300" y="2961"/>
                  <a:pt x="2285" y="2976"/>
                  <a:pt x="2288" y="2961"/>
                </a:cubicBezTo>
                <a:cubicBezTo>
                  <a:pt x="2317" y="2947"/>
                  <a:pt x="2282" y="2891"/>
                  <a:pt x="2316" y="2870"/>
                </a:cubicBezTo>
                <a:cubicBezTo>
                  <a:pt x="2308" y="2878"/>
                  <a:pt x="2313" y="2898"/>
                  <a:pt x="2320" y="2888"/>
                </a:cubicBezTo>
                <a:cubicBezTo>
                  <a:pt x="2325" y="2877"/>
                  <a:pt x="2318" y="2871"/>
                  <a:pt x="2320" y="2861"/>
                </a:cubicBezTo>
                <a:cubicBezTo>
                  <a:pt x="2359" y="2856"/>
                  <a:pt x="2342" y="2811"/>
                  <a:pt x="2365" y="2793"/>
                </a:cubicBezTo>
                <a:cubicBezTo>
                  <a:pt x="2362" y="2779"/>
                  <a:pt x="2355" y="2778"/>
                  <a:pt x="2351" y="2773"/>
                </a:cubicBezTo>
                <a:cubicBezTo>
                  <a:pt x="2369" y="2770"/>
                  <a:pt x="2388" y="2727"/>
                  <a:pt x="2389" y="2717"/>
                </a:cubicBezTo>
                <a:cubicBezTo>
                  <a:pt x="2374" y="2710"/>
                  <a:pt x="2379" y="2738"/>
                  <a:pt x="2367" y="2737"/>
                </a:cubicBezTo>
                <a:cubicBezTo>
                  <a:pt x="2385" y="2690"/>
                  <a:pt x="2406" y="2678"/>
                  <a:pt x="2421" y="2658"/>
                </a:cubicBezTo>
                <a:cubicBezTo>
                  <a:pt x="2425" y="2647"/>
                  <a:pt x="2408" y="2649"/>
                  <a:pt x="2409" y="2640"/>
                </a:cubicBezTo>
                <a:cubicBezTo>
                  <a:pt x="2429" y="2653"/>
                  <a:pt x="2441" y="2617"/>
                  <a:pt x="2450" y="2593"/>
                </a:cubicBezTo>
                <a:cubicBezTo>
                  <a:pt x="2432" y="2591"/>
                  <a:pt x="2425" y="2588"/>
                  <a:pt x="2420" y="2592"/>
                </a:cubicBezTo>
                <a:cubicBezTo>
                  <a:pt x="2424" y="2598"/>
                  <a:pt x="2417" y="2615"/>
                  <a:pt x="2409" y="2620"/>
                </a:cubicBezTo>
                <a:cubicBezTo>
                  <a:pt x="2402" y="2604"/>
                  <a:pt x="2388" y="2630"/>
                  <a:pt x="2376" y="2627"/>
                </a:cubicBezTo>
                <a:cubicBezTo>
                  <a:pt x="2377" y="2638"/>
                  <a:pt x="2382" y="2639"/>
                  <a:pt x="2390" y="2636"/>
                </a:cubicBezTo>
                <a:cubicBezTo>
                  <a:pt x="2371" y="2668"/>
                  <a:pt x="2370" y="2715"/>
                  <a:pt x="2349" y="2746"/>
                </a:cubicBezTo>
                <a:cubicBezTo>
                  <a:pt x="2354" y="2747"/>
                  <a:pt x="2362" y="2741"/>
                  <a:pt x="2363" y="2751"/>
                </a:cubicBezTo>
                <a:cubicBezTo>
                  <a:pt x="2348" y="2738"/>
                  <a:pt x="2355" y="2766"/>
                  <a:pt x="2344" y="2760"/>
                </a:cubicBezTo>
                <a:cubicBezTo>
                  <a:pt x="2339" y="2744"/>
                  <a:pt x="2321" y="2765"/>
                  <a:pt x="2315" y="2771"/>
                </a:cubicBezTo>
                <a:cubicBezTo>
                  <a:pt x="2323" y="2768"/>
                  <a:pt x="2328" y="2770"/>
                  <a:pt x="2327" y="2781"/>
                </a:cubicBezTo>
                <a:cubicBezTo>
                  <a:pt x="2295" y="2781"/>
                  <a:pt x="2319" y="2816"/>
                  <a:pt x="2298" y="2822"/>
                </a:cubicBezTo>
                <a:cubicBezTo>
                  <a:pt x="2301" y="2835"/>
                  <a:pt x="2316" y="2818"/>
                  <a:pt x="2308" y="2836"/>
                </a:cubicBezTo>
                <a:cubicBezTo>
                  <a:pt x="2290" y="2829"/>
                  <a:pt x="2290" y="2829"/>
                  <a:pt x="2290" y="2829"/>
                </a:cubicBezTo>
                <a:cubicBezTo>
                  <a:pt x="2281" y="2844"/>
                  <a:pt x="2260" y="2890"/>
                  <a:pt x="2254" y="2903"/>
                </a:cubicBezTo>
                <a:cubicBezTo>
                  <a:pt x="2251" y="2915"/>
                  <a:pt x="2236" y="2881"/>
                  <a:pt x="2232" y="2904"/>
                </a:cubicBezTo>
                <a:cubicBezTo>
                  <a:pt x="2254" y="2910"/>
                  <a:pt x="2202" y="2948"/>
                  <a:pt x="2231" y="2966"/>
                </a:cubicBezTo>
                <a:cubicBezTo>
                  <a:pt x="2198" y="3000"/>
                  <a:pt x="2210" y="3026"/>
                  <a:pt x="2172" y="3049"/>
                </a:cubicBezTo>
                <a:cubicBezTo>
                  <a:pt x="2178" y="3055"/>
                  <a:pt x="2173" y="3082"/>
                  <a:pt x="2160" y="3080"/>
                </a:cubicBezTo>
                <a:cubicBezTo>
                  <a:pt x="2167" y="3075"/>
                  <a:pt x="2161" y="3058"/>
                  <a:pt x="2156" y="3067"/>
                </a:cubicBezTo>
                <a:cubicBezTo>
                  <a:pt x="2141" y="3141"/>
                  <a:pt x="2077" y="3212"/>
                  <a:pt x="2041" y="3277"/>
                </a:cubicBezTo>
                <a:cubicBezTo>
                  <a:pt x="2044" y="3272"/>
                  <a:pt x="2041" y="3267"/>
                  <a:pt x="2039" y="3263"/>
                </a:cubicBezTo>
                <a:cubicBezTo>
                  <a:pt x="2028" y="3278"/>
                  <a:pt x="2028" y="3278"/>
                  <a:pt x="2028" y="3278"/>
                </a:cubicBezTo>
                <a:cubicBezTo>
                  <a:pt x="2033" y="3283"/>
                  <a:pt x="2038" y="3283"/>
                  <a:pt x="2042" y="3283"/>
                </a:cubicBezTo>
                <a:cubicBezTo>
                  <a:pt x="2022" y="3289"/>
                  <a:pt x="2032" y="3328"/>
                  <a:pt x="2018" y="3332"/>
                </a:cubicBezTo>
                <a:cubicBezTo>
                  <a:pt x="2022" y="3317"/>
                  <a:pt x="2008" y="3334"/>
                  <a:pt x="2011" y="3339"/>
                </a:cubicBezTo>
                <a:cubicBezTo>
                  <a:pt x="1999" y="3333"/>
                  <a:pt x="2002" y="3332"/>
                  <a:pt x="1987" y="3337"/>
                </a:cubicBezTo>
                <a:cubicBezTo>
                  <a:pt x="1991" y="3331"/>
                  <a:pt x="2000" y="3325"/>
                  <a:pt x="1995" y="3319"/>
                </a:cubicBezTo>
                <a:cubicBezTo>
                  <a:pt x="1953" y="3337"/>
                  <a:pt x="1931" y="3396"/>
                  <a:pt x="1903" y="3429"/>
                </a:cubicBezTo>
                <a:cubicBezTo>
                  <a:pt x="1886" y="3433"/>
                  <a:pt x="1902" y="3406"/>
                  <a:pt x="1885" y="3412"/>
                </a:cubicBezTo>
                <a:cubicBezTo>
                  <a:pt x="1888" y="3435"/>
                  <a:pt x="1843" y="3421"/>
                  <a:pt x="1855" y="3442"/>
                </a:cubicBezTo>
                <a:cubicBezTo>
                  <a:pt x="1868" y="3449"/>
                  <a:pt x="1895" y="3413"/>
                  <a:pt x="1897" y="3443"/>
                </a:cubicBezTo>
                <a:cubicBezTo>
                  <a:pt x="1872" y="3451"/>
                  <a:pt x="1838" y="3438"/>
                  <a:pt x="1831" y="3471"/>
                </a:cubicBezTo>
                <a:cubicBezTo>
                  <a:pt x="1801" y="3433"/>
                  <a:pt x="1769" y="3491"/>
                  <a:pt x="1739" y="3486"/>
                </a:cubicBezTo>
                <a:cubicBezTo>
                  <a:pt x="1737" y="3501"/>
                  <a:pt x="1723" y="3532"/>
                  <a:pt x="1700" y="3532"/>
                </a:cubicBezTo>
                <a:cubicBezTo>
                  <a:pt x="1722" y="3507"/>
                  <a:pt x="1736" y="3480"/>
                  <a:pt x="1727" y="3451"/>
                </a:cubicBezTo>
                <a:cubicBezTo>
                  <a:pt x="1722" y="3454"/>
                  <a:pt x="1718" y="3460"/>
                  <a:pt x="1713" y="3456"/>
                </a:cubicBezTo>
                <a:cubicBezTo>
                  <a:pt x="1727" y="3433"/>
                  <a:pt x="1740" y="3462"/>
                  <a:pt x="1753" y="3440"/>
                </a:cubicBezTo>
                <a:cubicBezTo>
                  <a:pt x="1766" y="3454"/>
                  <a:pt x="1738" y="3463"/>
                  <a:pt x="1749" y="3477"/>
                </a:cubicBezTo>
                <a:cubicBezTo>
                  <a:pt x="1779" y="3455"/>
                  <a:pt x="1805" y="3435"/>
                  <a:pt x="1817" y="3409"/>
                </a:cubicBezTo>
                <a:cubicBezTo>
                  <a:pt x="1810" y="3423"/>
                  <a:pt x="1801" y="3402"/>
                  <a:pt x="1794" y="3411"/>
                </a:cubicBezTo>
                <a:cubicBezTo>
                  <a:pt x="1794" y="3417"/>
                  <a:pt x="1785" y="3439"/>
                  <a:pt x="1777" y="3433"/>
                </a:cubicBezTo>
                <a:cubicBezTo>
                  <a:pt x="1754" y="3418"/>
                  <a:pt x="1705" y="3437"/>
                  <a:pt x="1699" y="3474"/>
                </a:cubicBezTo>
                <a:cubicBezTo>
                  <a:pt x="1671" y="3461"/>
                  <a:pt x="1670" y="3499"/>
                  <a:pt x="1665" y="3502"/>
                </a:cubicBezTo>
                <a:cubicBezTo>
                  <a:pt x="1672" y="3491"/>
                  <a:pt x="1651" y="3490"/>
                  <a:pt x="1646" y="3492"/>
                </a:cubicBezTo>
                <a:cubicBezTo>
                  <a:pt x="1660" y="3510"/>
                  <a:pt x="1619" y="3531"/>
                  <a:pt x="1625" y="3501"/>
                </a:cubicBezTo>
                <a:cubicBezTo>
                  <a:pt x="1610" y="3511"/>
                  <a:pt x="1615" y="3523"/>
                  <a:pt x="1619" y="3529"/>
                </a:cubicBezTo>
                <a:cubicBezTo>
                  <a:pt x="1601" y="3529"/>
                  <a:pt x="1584" y="3530"/>
                  <a:pt x="1567" y="3524"/>
                </a:cubicBezTo>
                <a:cubicBezTo>
                  <a:pt x="1574" y="3534"/>
                  <a:pt x="1583" y="3532"/>
                  <a:pt x="1575" y="3543"/>
                </a:cubicBezTo>
                <a:cubicBezTo>
                  <a:pt x="1562" y="3543"/>
                  <a:pt x="1567" y="3536"/>
                  <a:pt x="1559" y="3535"/>
                </a:cubicBezTo>
                <a:cubicBezTo>
                  <a:pt x="1557" y="3538"/>
                  <a:pt x="1557" y="3542"/>
                  <a:pt x="1561" y="3546"/>
                </a:cubicBezTo>
                <a:cubicBezTo>
                  <a:pt x="1528" y="3525"/>
                  <a:pt x="1527" y="3590"/>
                  <a:pt x="1510" y="3579"/>
                </a:cubicBezTo>
                <a:cubicBezTo>
                  <a:pt x="1515" y="3576"/>
                  <a:pt x="1518" y="3573"/>
                  <a:pt x="1512" y="3566"/>
                </a:cubicBezTo>
                <a:cubicBezTo>
                  <a:pt x="1497" y="3578"/>
                  <a:pt x="1479" y="3589"/>
                  <a:pt x="1482" y="3607"/>
                </a:cubicBezTo>
                <a:cubicBezTo>
                  <a:pt x="1465" y="3591"/>
                  <a:pt x="1473" y="3622"/>
                  <a:pt x="1458" y="3626"/>
                </a:cubicBezTo>
                <a:cubicBezTo>
                  <a:pt x="1436" y="3601"/>
                  <a:pt x="1372" y="3632"/>
                  <a:pt x="1389" y="3653"/>
                </a:cubicBezTo>
                <a:cubicBezTo>
                  <a:pt x="1374" y="3649"/>
                  <a:pt x="1361" y="3642"/>
                  <a:pt x="1352" y="3653"/>
                </a:cubicBezTo>
                <a:cubicBezTo>
                  <a:pt x="1359" y="3657"/>
                  <a:pt x="1354" y="3669"/>
                  <a:pt x="1346" y="3681"/>
                </a:cubicBezTo>
                <a:cubicBezTo>
                  <a:pt x="1349" y="3682"/>
                  <a:pt x="1353" y="3683"/>
                  <a:pt x="1353" y="3686"/>
                </a:cubicBezTo>
                <a:cubicBezTo>
                  <a:pt x="1343" y="3688"/>
                  <a:pt x="1346" y="3694"/>
                  <a:pt x="1351" y="3698"/>
                </a:cubicBezTo>
                <a:cubicBezTo>
                  <a:pt x="1364" y="3686"/>
                  <a:pt x="1381" y="3679"/>
                  <a:pt x="1397" y="3685"/>
                </a:cubicBezTo>
                <a:cubicBezTo>
                  <a:pt x="1404" y="3679"/>
                  <a:pt x="1402" y="3675"/>
                  <a:pt x="1395" y="3673"/>
                </a:cubicBezTo>
                <a:cubicBezTo>
                  <a:pt x="1445" y="3658"/>
                  <a:pt x="1471" y="3630"/>
                  <a:pt x="1521" y="3623"/>
                </a:cubicBezTo>
                <a:cubicBezTo>
                  <a:pt x="1504" y="3617"/>
                  <a:pt x="1548" y="3593"/>
                  <a:pt x="1548" y="3607"/>
                </a:cubicBezTo>
                <a:cubicBezTo>
                  <a:pt x="1569" y="3584"/>
                  <a:pt x="1573" y="3542"/>
                  <a:pt x="1595" y="3541"/>
                </a:cubicBezTo>
                <a:cubicBezTo>
                  <a:pt x="1593" y="3552"/>
                  <a:pt x="1587" y="3566"/>
                  <a:pt x="1580" y="3579"/>
                </a:cubicBezTo>
                <a:cubicBezTo>
                  <a:pt x="1587" y="3573"/>
                  <a:pt x="1594" y="3567"/>
                  <a:pt x="1602" y="3561"/>
                </a:cubicBezTo>
                <a:cubicBezTo>
                  <a:pt x="1603" y="3558"/>
                  <a:pt x="1605" y="3554"/>
                  <a:pt x="1607" y="3550"/>
                </a:cubicBezTo>
                <a:cubicBezTo>
                  <a:pt x="1609" y="3552"/>
                  <a:pt x="1610" y="3553"/>
                  <a:pt x="1611" y="3554"/>
                </a:cubicBezTo>
                <a:cubicBezTo>
                  <a:pt x="1646" y="3529"/>
                  <a:pt x="1685" y="3506"/>
                  <a:pt x="1721" y="3494"/>
                </a:cubicBezTo>
                <a:cubicBezTo>
                  <a:pt x="1713" y="3499"/>
                  <a:pt x="1704" y="3508"/>
                  <a:pt x="1695" y="3518"/>
                </a:cubicBezTo>
                <a:cubicBezTo>
                  <a:pt x="1697" y="3518"/>
                  <a:pt x="1700" y="3520"/>
                  <a:pt x="1704" y="3522"/>
                </a:cubicBezTo>
                <a:cubicBezTo>
                  <a:pt x="1699" y="3528"/>
                  <a:pt x="1694" y="3524"/>
                  <a:pt x="1689" y="3523"/>
                </a:cubicBezTo>
                <a:cubicBezTo>
                  <a:pt x="1689" y="3524"/>
                  <a:pt x="1688" y="3524"/>
                  <a:pt x="1688" y="3525"/>
                </a:cubicBezTo>
                <a:cubicBezTo>
                  <a:pt x="1691" y="3536"/>
                  <a:pt x="1698" y="3561"/>
                  <a:pt x="1677" y="3555"/>
                </a:cubicBezTo>
                <a:cubicBezTo>
                  <a:pt x="1682" y="3549"/>
                  <a:pt x="1682" y="3537"/>
                  <a:pt x="1684" y="3528"/>
                </a:cubicBezTo>
                <a:cubicBezTo>
                  <a:pt x="1679" y="3532"/>
                  <a:pt x="1675" y="3535"/>
                  <a:pt x="1670" y="3537"/>
                </a:cubicBezTo>
                <a:cubicBezTo>
                  <a:pt x="1680" y="3551"/>
                  <a:pt x="1665" y="3564"/>
                  <a:pt x="1650" y="3556"/>
                </a:cubicBezTo>
                <a:cubicBezTo>
                  <a:pt x="1640" y="3568"/>
                  <a:pt x="1658" y="3583"/>
                  <a:pt x="1637" y="3584"/>
                </a:cubicBezTo>
                <a:cubicBezTo>
                  <a:pt x="1640" y="3590"/>
                  <a:pt x="1645" y="3592"/>
                  <a:pt x="1649" y="3594"/>
                </a:cubicBezTo>
                <a:cubicBezTo>
                  <a:pt x="1642" y="3604"/>
                  <a:pt x="1635" y="3635"/>
                  <a:pt x="1618" y="3622"/>
                </a:cubicBezTo>
                <a:cubicBezTo>
                  <a:pt x="1630" y="3613"/>
                  <a:pt x="1650" y="3605"/>
                  <a:pt x="1636" y="3591"/>
                </a:cubicBezTo>
                <a:cubicBezTo>
                  <a:pt x="1626" y="3597"/>
                  <a:pt x="1619" y="3591"/>
                  <a:pt x="1617" y="3604"/>
                </a:cubicBezTo>
                <a:cubicBezTo>
                  <a:pt x="1614" y="3597"/>
                  <a:pt x="1613" y="3591"/>
                  <a:pt x="1612" y="3586"/>
                </a:cubicBezTo>
                <a:cubicBezTo>
                  <a:pt x="1603" y="3592"/>
                  <a:pt x="1595" y="3598"/>
                  <a:pt x="1586" y="3604"/>
                </a:cubicBezTo>
                <a:cubicBezTo>
                  <a:pt x="1588" y="3605"/>
                  <a:pt x="1590" y="3607"/>
                  <a:pt x="1593" y="3609"/>
                </a:cubicBezTo>
                <a:cubicBezTo>
                  <a:pt x="1583" y="3609"/>
                  <a:pt x="1559" y="3628"/>
                  <a:pt x="1552" y="3628"/>
                </a:cubicBezTo>
                <a:cubicBezTo>
                  <a:pt x="1505" y="3659"/>
                  <a:pt x="1453" y="3690"/>
                  <a:pt x="1399" y="3719"/>
                </a:cubicBezTo>
                <a:cubicBezTo>
                  <a:pt x="1400" y="3719"/>
                  <a:pt x="1401" y="3718"/>
                  <a:pt x="1402" y="3719"/>
                </a:cubicBezTo>
                <a:cubicBezTo>
                  <a:pt x="1390" y="3726"/>
                  <a:pt x="1366" y="3761"/>
                  <a:pt x="1347" y="3745"/>
                </a:cubicBezTo>
                <a:cubicBezTo>
                  <a:pt x="1330" y="3753"/>
                  <a:pt x="1312" y="3761"/>
                  <a:pt x="1295" y="3769"/>
                </a:cubicBezTo>
                <a:cubicBezTo>
                  <a:pt x="1293" y="3770"/>
                  <a:pt x="1292" y="3772"/>
                  <a:pt x="1291" y="3773"/>
                </a:cubicBezTo>
                <a:cubicBezTo>
                  <a:pt x="1291" y="3772"/>
                  <a:pt x="1290" y="3772"/>
                  <a:pt x="1290" y="3771"/>
                </a:cubicBezTo>
                <a:cubicBezTo>
                  <a:pt x="1281" y="3775"/>
                  <a:pt x="1273" y="3778"/>
                  <a:pt x="1265" y="3782"/>
                </a:cubicBezTo>
                <a:cubicBezTo>
                  <a:pt x="1264" y="3783"/>
                  <a:pt x="1263" y="3783"/>
                  <a:pt x="1263" y="3784"/>
                </a:cubicBezTo>
                <a:cubicBezTo>
                  <a:pt x="1263" y="3784"/>
                  <a:pt x="1262" y="3783"/>
                  <a:pt x="1262" y="3783"/>
                </a:cubicBezTo>
                <a:cubicBezTo>
                  <a:pt x="1181" y="3816"/>
                  <a:pt x="1101" y="3841"/>
                  <a:pt x="1033" y="3848"/>
                </a:cubicBezTo>
                <a:cubicBezTo>
                  <a:pt x="1033" y="3851"/>
                  <a:pt x="1032" y="3854"/>
                  <a:pt x="1027" y="3854"/>
                </a:cubicBezTo>
                <a:cubicBezTo>
                  <a:pt x="1026" y="3852"/>
                  <a:pt x="1025" y="3850"/>
                  <a:pt x="1024" y="3848"/>
                </a:cubicBezTo>
                <a:cubicBezTo>
                  <a:pt x="1016" y="3849"/>
                  <a:pt x="1008" y="3850"/>
                  <a:pt x="1000" y="3850"/>
                </a:cubicBezTo>
                <a:cubicBezTo>
                  <a:pt x="1014" y="3870"/>
                  <a:pt x="974" y="3858"/>
                  <a:pt x="983" y="3874"/>
                </a:cubicBezTo>
                <a:cubicBezTo>
                  <a:pt x="962" y="3870"/>
                  <a:pt x="942" y="3894"/>
                  <a:pt x="931" y="3881"/>
                </a:cubicBezTo>
                <a:cubicBezTo>
                  <a:pt x="956" y="3872"/>
                  <a:pt x="976" y="3879"/>
                  <a:pt x="980" y="3859"/>
                </a:cubicBezTo>
                <a:cubicBezTo>
                  <a:pt x="975" y="3861"/>
                  <a:pt x="970" y="3862"/>
                  <a:pt x="966" y="3863"/>
                </a:cubicBezTo>
                <a:cubicBezTo>
                  <a:pt x="964" y="3865"/>
                  <a:pt x="962" y="3866"/>
                  <a:pt x="960" y="3868"/>
                </a:cubicBezTo>
                <a:cubicBezTo>
                  <a:pt x="959" y="3864"/>
                  <a:pt x="959" y="3864"/>
                  <a:pt x="959" y="3864"/>
                </a:cubicBezTo>
                <a:cubicBezTo>
                  <a:pt x="941" y="3868"/>
                  <a:pt x="924" y="3870"/>
                  <a:pt x="914" y="3884"/>
                </a:cubicBezTo>
                <a:cubicBezTo>
                  <a:pt x="905" y="3883"/>
                  <a:pt x="894" y="3882"/>
                  <a:pt x="882" y="3881"/>
                </a:cubicBezTo>
                <a:cubicBezTo>
                  <a:pt x="876" y="3883"/>
                  <a:pt x="869" y="3882"/>
                  <a:pt x="862" y="3881"/>
                </a:cubicBezTo>
                <a:cubicBezTo>
                  <a:pt x="853" y="3882"/>
                  <a:pt x="846" y="3885"/>
                  <a:pt x="841" y="3890"/>
                </a:cubicBezTo>
                <a:cubicBezTo>
                  <a:pt x="836" y="3873"/>
                  <a:pt x="818" y="3897"/>
                  <a:pt x="806" y="3887"/>
                </a:cubicBezTo>
                <a:cubicBezTo>
                  <a:pt x="806" y="3886"/>
                  <a:pt x="806" y="3886"/>
                  <a:pt x="806" y="3885"/>
                </a:cubicBezTo>
                <a:cubicBezTo>
                  <a:pt x="798" y="3883"/>
                  <a:pt x="788" y="3880"/>
                  <a:pt x="777" y="3878"/>
                </a:cubicBezTo>
                <a:cubicBezTo>
                  <a:pt x="767" y="3881"/>
                  <a:pt x="759" y="3883"/>
                  <a:pt x="754" y="3880"/>
                </a:cubicBezTo>
                <a:cubicBezTo>
                  <a:pt x="757" y="3879"/>
                  <a:pt x="760" y="3878"/>
                  <a:pt x="761" y="3877"/>
                </a:cubicBezTo>
                <a:cubicBezTo>
                  <a:pt x="744" y="3876"/>
                  <a:pt x="729" y="3880"/>
                  <a:pt x="727" y="3895"/>
                </a:cubicBezTo>
                <a:cubicBezTo>
                  <a:pt x="723" y="3888"/>
                  <a:pt x="715" y="3885"/>
                  <a:pt x="714" y="3875"/>
                </a:cubicBezTo>
                <a:cubicBezTo>
                  <a:pt x="735" y="3864"/>
                  <a:pt x="767" y="3841"/>
                  <a:pt x="792" y="3852"/>
                </a:cubicBezTo>
                <a:cubicBezTo>
                  <a:pt x="794" y="3850"/>
                  <a:pt x="798" y="3848"/>
                  <a:pt x="797" y="3844"/>
                </a:cubicBezTo>
                <a:cubicBezTo>
                  <a:pt x="809" y="3843"/>
                  <a:pt x="812" y="3851"/>
                  <a:pt x="821" y="3852"/>
                </a:cubicBezTo>
                <a:cubicBezTo>
                  <a:pt x="823" y="3852"/>
                  <a:pt x="825" y="3852"/>
                  <a:pt x="827" y="3851"/>
                </a:cubicBezTo>
                <a:cubicBezTo>
                  <a:pt x="823" y="3842"/>
                  <a:pt x="814" y="3838"/>
                  <a:pt x="808" y="3831"/>
                </a:cubicBezTo>
                <a:cubicBezTo>
                  <a:pt x="823" y="3828"/>
                  <a:pt x="821" y="3845"/>
                  <a:pt x="835" y="3843"/>
                </a:cubicBezTo>
                <a:cubicBezTo>
                  <a:pt x="838" y="3836"/>
                  <a:pt x="821" y="3832"/>
                  <a:pt x="833" y="3828"/>
                </a:cubicBezTo>
                <a:cubicBezTo>
                  <a:pt x="843" y="3838"/>
                  <a:pt x="854" y="3820"/>
                  <a:pt x="861" y="3816"/>
                </a:cubicBezTo>
                <a:cubicBezTo>
                  <a:pt x="861" y="3839"/>
                  <a:pt x="881" y="3811"/>
                  <a:pt x="891" y="3824"/>
                </a:cubicBezTo>
                <a:cubicBezTo>
                  <a:pt x="878" y="3821"/>
                  <a:pt x="869" y="3838"/>
                  <a:pt x="881" y="3841"/>
                </a:cubicBezTo>
                <a:cubicBezTo>
                  <a:pt x="889" y="3826"/>
                  <a:pt x="898" y="3835"/>
                  <a:pt x="912" y="3825"/>
                </a:cubicBezTo>
                <a:cubicBezTo>
                  <a:pt x="911" y="3821"/>
                  <a:pt x="915" y="3819"/>
                  <a:pt x="915" y="3816"/>
                </a:cubicBezTo>
                <a:cubicBezTo>
                  <a:pt x="896" y="3819"/>
                  <a:pt x="895" y="3797"/>
                  <a:pt x="910" y="3813"/>
                </a:cubicBezTo>
                <a:cubicBezTo>
                  <a:pt x="935" y="3804"/>
                  <a:pt x="961" y="3794"/>
                  <a:pt x="977" y="3787"/>
                </a:cubicBezTo>
                <a:cubicBezTo>
                  <a:pt x="972" y="3790"/>
                  <a:pt x="969" y="3793"/>
                  <a:pt x="966" y="3797"/>
                </a:cubicBezTo>
                <a:cubicBezTo>
                  <a:pt x="991" y="3793"/>
                  <a:pt x="983" y="3778"/>
                  <a:pt x="992" y="3795"/>
                </a:cubicBezTo>
                <a:cubicBezTo>
                  <a:pt x="1009" y="3792"/>
                  <a:pt x="1002" y="3775"/>
                  <a:pt x="1010" y="3766"/>
                </a:cubicBezTo>
                <a:cubicBezTo>
                  <a:pt x="1010" y="3781"/>
                  <a:pt x="1029" y="3765"/>
                  <a:pt x="1030" y="3778"/>
                </a:cubicBezTo>
                <a:cubicBezTo>
                  <a:pt x="1023" y="3781"/>
                  <a:pt x="1004" y="3779"/>
                  <a:pt x="1012" y="3790"/>
                </a:cubicBezTo>
                <a:cubicBezTo>
                  <a:pt x="1038" y="3781"/>
                  <a:pt x="1041" y="3781"/>
                  <a:pt x="1065" y="3781"/>
                </a:cubicBezTo>
                <a:cubicBezTo>
                  <a:pt x="1062" y="3774"/>
                  <a:pt x="1068" y="3771"/>
                  <a:pt x="1065" y="3764"/>
                </a:cubicBezTo>
                <a:cubicBezTo>
                  <a:pt x="1055" y="3773"/>
                  <a:pt x="1037" y="3778"/>
                  <a:pt x="1031" y="3765"/>
                </a:cubicBezTo>
                <a:cubicBezTo>
                  <a:pt x="1052" y="3755"/>
                  <a:pt x="1066" y="3760"/>
                  <a:pt x="1083" y="3767"/>
                </a:cubicBezTo>
                <a:cubicBezTo>
                  <a:pt x="1089" y="3751"/>
                  <a:pt x="1107" y="3755"/>
                  <a:pt x="1108" y="3763"/>
                </a:cubicBezTo>
                <a:cubicBezTo>
                  <a:pt x="1110" y="3761"/>
                  <a:pt x="1111" y="3760"/>
                  <a:pt x="1111" y="3758"/>
                </a:cubicBezTo>
                <a:cubicBezTo>
                  <a:pt x="1109" y="3756"/>
                  <a:pt x="1108" y="3754"/>
                  <a:pt x="1108" y="3752"/>
                </a:cubicBezTo>
                <a:cubicBezTo>
                  <a:pt x="1109" y="3752"/>
                  <a:pt x="1110" y="3752"/>
                  <a:pt x="1112" y="3753"/>
                </a:cubicBezTo>
                <a:cubicBezTo>
                  <a:pt x="1110" y="3748"/>
                  <a:pt x="1105" y="3744"/>
                  <a:pt x="1101" y="3740"/>
                </a:cubicBezTo>
                <a:cubicBezTo>
                  <a:pt x="1125" y="3736"/>
                  <a:pt x="1133" y="3734"/>
                  <a:pt x="1145" y="3717"/>
                </a:cubicBezTo>
                <a:cubicBezTo>
                  <a:pt x="1139" y="3718"/>
                  <a:pt x="1138" y="3710"/>
                  <a:pt x="1133" y="3708"/>
                </a:cubicBezTo>
                <a:cubicBezTo>
                  <a:pt x="1146" y="3711"/>
                  <a:pt x="1150" y="3709"/>
                  <a:pt x="1154" y="3705"/>
                </a:cubicBezTo>
                <a:cubicBezTo>
                  <a:pt x="1127" y="3703"/>
                  <a:pt x="1108" y="3718"/>
                  <a:pt x="1071" y="3726"/>
                </a:cubicBezTo>
                <a:cubicBezTo>
                  <a:pt x="1060" y="3707"/>
                  <a:pt x="1094" y="3719"/>
                  <a:pt x="1090" y="3705"/>
                </a:cubicBezTo>
                <a:cubicBezTo>
                  <a:pt x="1043" y="3693"/>
                  <a:pt x="998" y="3706"/>
                  <a:pt x="950" y="3693"/>
                </a:cubicBezTo>
                <a:cubicBezTo>
                  <a:pt x="953" y="3699"/>
                  <a:pt x="958" y="3699"/>
                  <a:pt x="961" y="3706"/>
                </a:cubicBezTo>
                <a:cubicBezTo>
                  <a:pt x="934" y="3688"/>
                  <a:pt x="922" y="3716"/>
                  <a:pt x="912" y="3695"/>
                </a:cubicBezTo>
                <a:cubicBezTo>
                  <a:pt x="863" y="3728"/>
                  <a:pt x="739" y="3723"/>
                  <a:pt x="689" y="3751"/>
                </a:cubicBezTo>
                <a:cubicBezTo>
                  <a:pt x="659" y="3751"/>
                  <a:pt x="622" y="3721"/>
                  <a:pt x="602" y="3757"/>
                </a:cubicBezTo>
                <a:cubicBezTo>
                  <a:pt x="587" y="3736"/>
                  <a:pt x="550" y="3756"/>
                  <a:pt x="538" y="3738"/>
                </a:cubicBezTo>
                <a:cubicBezTo>
                  <a:pt x="544" y="3737"/>
                  <a:pt x="539" y="3730"/>
                  <a:pt x="535" y="3728"/>
                </a:cubicBezTo>
                <a:cubicBezTo>
                  <a:pt x="472" y="3745"/>
                  <a:pt x="448" y="3694"/>
                  <a:pt x="383" y="3700"/>
                </a:cubicBezTo>
                <a:cubicBezTo>
                  <a:pt x="388" y="3675"/>
                  <a:pt x="428" y="3715"/>
                  <a:pt x="426" y="3677"/>
                </a:cubicBezTo>
                <a:cubicBezTo>
                  <a:pt x="462" y="3679"/>
                  <a:pt x="474" y="3663"/>
                  <a:pt x="507" y="3666"/>
                </a:cubicBezTo>
                <a:cubicBezTo>
                  <a:pt x="503" y="3665"/>
                  <a:pt x="496" y="3666"/>
                  <a:pt x="496" y="3660"/>
                </a:cubicBezTo>
                <a:cubicBezTo>
                  <a:pt x="499" y="3659"/>
                  <a:pt x="503" y="3661"/>
                  <a:pt x="504" y="3656"/>
                </a:cubicBezTo>
                <a:cubicBezTo>
                  <a:pt x="487" y="3657"/>
                  <a:pt x="477" y="3652"/>
                  <a:pt x="474" y="3638"/>
                </a:cubicBezTo>
                <a:cubicBezTo>
                  <a:pt x="498" y="3644"/>
                  <a:pt x="531" y="3652"/>
                  <a:pt x="555" y="3634"/>
                </a:cubicBezTo>
                <a:cubicBezTo>
                  <a:pt x="549" y="3612"/>
                  <a:pt x="503" y="3633"/>
                  <a:pt x="500" y="3620"/>
                </a:cubicBezTo>
                <a:cubicBezTo>
                  <a:pt x="522" y="3613"/>
                  <a:pt x="542" y="3602"/>
                  <a:pt x="567" y="3600"/>
                </a:cubicBezTo>
                <a:cubicBezTo>
                  <a:pt x="556" y="3584"/>
                  <a:pt x="577" y="3599"/>
                  <a:pt x="574" y="3581"/>
                </a:cubicBezTo>
                <a:cubicBezTo>
                  <a:pt x="560" y="3567"/>
                  <a:pt x="551" y="3578"/>
                  <a:pt x="541" y="3574"/>
                </a:cubicBezTo>
                <a:cubicBezTo>
                  <a:pt x="545" y="3575"/>
                  <a:pt x="553" y="3560"/>
                  <a:pt x="545" y="3559"/>
                </a:cubicBezTo>
                <a:cubicBezTo>
                  <a:pt x="534" y="3565"/>
                  <a:pt x="534" y="3559"/>
                  <a:pt x="522" y="3557"/>
                </a:cubicBezTo>
                <a:cubicBezTo>
                  <a:pt x="521" y="3564"/>
                  <a:pt x="534" y="3573"/>
                  <a:pt x="524" y="3577"/>
                </a:cubicBezTo>
                <a:cubicBezTo>
                  <a:pt x="512" y="3564"/>
                  <a:pt x="490" y="3540"/>
                  <a:pt x="478" y="3563"/>
                </a:cubicBezTo>
                <a:cubicBezTo>
                  <a:pt x="478" y="3554"/>
                  <a:pt x="483" y="3553"/>
                  <a:pt x="483" y="3544"/>
                </a:cubicBezTo>
                <a:cubicBezTo>
                  <a:pt x="475" y="3544"/>
                  <a:pt x="467" y="3543"/>
                  <a:pt x="464" y="3536"/>
                </a:cubicBezTo>
                <a:cubicBezTo>
                  <a:pt x="463" y="3551"/>
                  <a:pt x="463" y="3551"/>
                  <a:pt x="463" y="3551"/>
                </a:cubicBezTo>
                <a:cubicBezTo>
                  <a:pt x="444" y="3538"/>
                  <a:pt x="436" y="3528"/>
                  <a:pt x="428" y="3511"/>
                </a:cubicBezTo>
                <a:cubicBezTo>
                  <a:pt x="417" y="3514"/>
                  <a:pt x="377" y="3517"/>
                  <a:pt x="376" y="3496"/>
                </a:cubicBezTo>
                <a:cubicBezTo>
                  <a:pt x="393" y="3492"/>
                  <a:pt x="412" y="3520"/>
                  <a:pt x="428" y="3490"/>
                </a:cubicBezTo>
                <a:close/>
                <a:moveTo>
                  <a:pt x="1259" y="3369"/>
                </a:moveTo>
                <a:cubicBezTo>
                  <a:pt x="1263" y="3362"/>
                  <a:pt x="1262" y="3353"/>
                  <a:pt x="1264" y="3344"/>
                </a:cubicBezTo>
                <a:cubicBezTo>
                  <a:pt x="1280" y="3352"/>
                  <a:pt x="1302" y="3344"/>
                  <a:pt x="1319" y="3351"/>
                </a:cubicBezTo>
                <a:cubicBezTo>
                  <a:pt x="1328" y="3346"/>
                  <a:pt x="1323" y="3335"/>
                  <a:pt x="1317" y="3325"/>
                </a:cubicBezTo>
                <a:cubicBezTo>
                  <a:pt x="1325" y="3327"/>
                  <a:pt x="1328" y="3324"/>
                  <a:pt x="1324" y="3316"/>
                </a:cubicBezTo>
                <a:cubicBezTo>
                  <a:pt x="1344" y="3322"/>
                  <a:pt x="1349" y="3305"/>
                  <a:pt x="1372" y="3308"/>
                </a:cubicBezTo>
                <a:cubicBezTo>
                  <a:pt x="1372" y="3306"/>
                  <a:pt x="1373" y="3303"/>
                  <a:pt x="1373" y="3300"/>
                </a:cubicBezTo>
                <a:cubicBezTo>
                  <a:pt x="1408" y="3299"/>
                  <a:pt x="1469" y="3247"/>
                  <a:pt x="1504" y="3237"/>
                </a:cubicBezTo>
                <a:cubicBezTo>
                  <a:pt x="1511" y="3229"/>
                  <a:pt x="1513" y="3221"/>
                  <a:pt x="1518" y="3212"/>
                </a:cubicBezTo>
                <a:cubicBezTo>
                  <a:pt x="1524" y="3209"/>
                  <a:pt x="1523" y="3217"/>
                  <a:pt x="1525" y="3221"/>
                </a:cubicBezTo>
                <a:cubicBezTo>
                  <a:pt x="1559" y="3203"/>
                  <a:pt x="1579" y="3163"/>
                  <a:pt x="1614" y="3159"/>
                </a:cubicBezTo>
                <a:cubicBezTo>
                  <a:pt x="1612" y="3169"/>
                  <a:pt x="1586" y="3174"/>
                  <a:pt x="1583" y="3184"/>
                </a:cubicBezTo>
                <a:cubicBezTo>
                  <a:pt x="1597" y="3184"/>
                  <a:pt x="1604" y="3169"/>
                  <a:pt x="1625" y="3165"/>
                </a:cubicBezTo>
                <a:cubicBezTo>
                  <a:pt x="1629" y="3149"/>
                  <a:pt x="1625" y="3155"/>
                  <a:pt x="1629" y="3139"/>
                </a:cubicBezTo>
                <a:cubicBezTo>
                  <a:pt x="1583" y="3158"/>
                  <a:pt x="1590" y="3162"/>
                  <a:pt x="1532" y="3192"/>
                </a:cubicBezTo>
                <a:cubicBezTo>
                  <a:pt x="1550" y="3196"/>
                  <a:pt x="1503" y="3215"/>
                  <a:pt x="1507" y="3219"/>
                </a:cubicBezTo>
                <a:cubicBezTo>
                  <a:pt x="1507" y="3202"/>
                  <a:pt x="1485" y="3218"/>
                  <a:pt x="1475" y="3237"/>
                </a:cubicBezTo>
                <a:cubicBezTo>
                  <a:pt x="1459" y="3242"/>
                  <a:pt x="1481" y="3223"/>
                  <a:pt x="1467" y="3225"/>
                </a:cubicBezTo>
                <a:cubicBezTo>
                  <a:pt x="1450" y="3244"/>
                  <a:pt x="1404" y="3256"/>
                  <a:pt x="1415" y="3268"/>
                </a:cubicBezTo>
                <a:cubicBezTo>
                  <a:pt x="1409" y="3271"/>
                  <a:pt x="1406" y="3274"/>
                  <a:pt x="1406" y="3278"/>
                </a:cubicBezTo>
                <a:cubicBezTo>
                  <a:pt x="1394" y="3281"/>
                  <a:pt x="1406" y="3263"/>
                  <a:pt x="1395" y="3268"/>
                </a:cubicBezTo>
                <a:cubicBezTo>
                  <a:pt x="1359" y="3276"/>
                  <a:pt x="1336" y="3307"/>
                  <a:pt x="1313" y="3305"/>
                </a:cubicBezTo>
                <a:cubicBezTo>
                  <a:pt x="1297" y="3364"/>
                  <a:pt x="1292" y="3324"/>
                  <a:pt x="1251" y="3340"/>
                </a:cubicBezTo>
                <a:cubicBezTo>
                  <a:pt x="1257" y="3348"/>
                  <a:pt x="1256" y="3354"/>
                  <a:pt x="1248" y="3358"/>
                </a:cubicBezTo>
                <a:cubicBezTo>
                  <a:pt x="1252" y="3360"/>
                  <a:pt x="1256" y="3363"/>
                  <a:pt x="1259" y="3369"/>
                </a:cubicBezTo>
                <a:close/>
                <a:moveTo>
                  <a:pt x="1180" y="3410"/>
                </a:moveTo>
                <a:cubicBezTo>
                  <a:pt x="1165" y="3406"/>
                  <a:pt x="1157" y="3393"/>
                  <a:pt x="1152" y="3403"/>
                </a:cubicBezTo>
                <a:cubicBezTo>
                  <a:pt x="1140" y="3406"/>
                  <a:pt x="1141" y="3384"/>
                  <a:pt x="1149" y="3383"/>
                </a:cubicBezTo>
                <a:cubicBezTo>
                  <a:pt x="1145" y="3377"/>
                  <a:pt x="1134" y="3387"/>
                  <a:pt x="1131" y="3379"/>
                </a:cubicBezTo>
                <a:cubicBezTo>
                  <a:pt x="1145" y="3395"/>
                  <a:pt x="1122" y="3418"/>
                  <a:pt x="1101" y="3412"/>
                </a:cubicBezTo>
                <a:cubicBezTo>
                  <a:pt x="1114" y="3426"/>
                  <a:pt x="1152" y="3408"/>
                  <a:pt x="1180" y="3410"/>
                </a:cubicBezTo>
                <a:close/>
                <a:moveTo>
                  <a:pt x="1093" y="3420"/>
                </a:moveTo>
                <a:cubicBezTo>
                  <a:pt x="1088" y="3407"/>
                  <a:pt x="1071" y="3418"/>
                  <a:pt x="1057" y="3422"/>
                </a:cubicBezTo>
                <a:cubicBezTo>
                  <a:pt x="1059" y="3442"/>
                  <a:pt x="1081" y="3420"/>
                  <a:pt x="1093" y="3420"/>
                </a:cubicBezTo>
                <a:close/>
                <a:moveTo>
                  <a:pt x="786" y="3495"/>
                </a:moveTo>
                <a:cubicBezTo>
                  <a:pt x="769" y="3480"/>
                  <a:pt x="811" y="3484"/>
                  <a:pt x="808" y="3477"/>
                </a:cubicBezTo>
                <a:cubicBezTo>
                  <a:pt x="808" y="3497"/>
                  <a:pt x="828" y="3491"/>
                  <a:pt x="836" y="3473"/>
                </a:cubicBezTo>
                <a:cubicBezTo>
                  <a:pt x="851" y="3476"/>
                  <a:pt x="831" y="3487"/>
                  <a:pt x="844" y="3492"/>
                </a:cubicBezTo>
                <a:cubicBezTo>
                  <a:pt x="859" y="3478"/>
                  <a:pt x="901" y="3490"/>
                  <a:pt x="890" y="3469"/>
                </a:cubicBezTo>
                <a:cubicBezTo>
                  <a:pt x="895" y="3469"/>
                  <a:pt x="898" y="3467"/>
                  <a:pt x="898" y="3463"/>
                </a:cubicBezTo>
                <a:cubicBezTo>
                  <a:pt x="911" y="3466"/>
                  <a:pt x="893" y="3486"/>
                  <a:pt x="916" y="3480"/>
                </a:cubicBezTo>
                <a:cubicBezTo>
                  <a:pt x="897" y="3466"/>
                  <a:pt x="925" y="3465"/>
                  <a:pt x="932" y="3457"/>
                </a:cubicBezTo>
                <a:cubicBezTo>
                  <a:pt x="901" y="3433"/>
                  <a:pt x="843" y="3465"/>
                  <a:pt x="810" y="3457"/>
                </a:cubicBezTo>
                <a:cubicBezTo>
                  <a:pt x="804" y="3462"/>
                  <a:pt x="802" y="3471"/>
                  <a:pt x="798" y="3478"/>
                </a:cubicBezTo>
                <a:cubicBezTo>
                  <a:pt x="792" y="3478"/>
                  <a:pt x="793" y="3470"/>
                  <a:pt x="791" y="3464"/>
                </a:cubicBezTo>
                <a:cubicBezTo>
                  <a:pt x="761" y="3466"/>
                  <a:pt x="743" y="3504"/>
                  <a:pt x="712" y="3489"/>
                </a:cubicBezTo>
                <a:cubicBezTo>
                  <a:pt x="713" y="3477"/>
                  <a:pt x="737" y="3487"/>
                  <a:pt x="739" y="3476"/>
                </a:cubicBezTo>
                <a:cubicBezTo>
                  <a:pt x="726" y="3468"/>
                  <a:pt x="721" y="3483"/>
                  <a:pt x="701" y="3475"/>
                </a:cubicBezTo>
                <a:cubicBezTo>
                  <a:pt x="698" y="3493"/>
                  <a:pt x="702" y="3487"/>
                  <a:pt x="699" y="3505"/>
                </a:cubicBezTo>
                <a:cubicBezTo>
                  <a:pt x="740" y="3507"/>
                  <a:pt x="734" y="3499"/>
                  <a:pt x="786" y="3495"/>
                </a:cubicBezTo>
                <a:close/>
                <a:moveTo>
                  <a:pt x="2047" y="610"/>
                </a:moveTo>
                <a:cubicBezTo>
                  <a:pt x="2038" y="621"/>
                  <a:pt x="2056" y="631"/>
                  <a:pt x="2066" y="641"/>
                </a:cubicBezTo>
                <a:cubicBezTo>
                  <a:pt x="2082" y="630"/>
                  <a:pt x="2053" y="620"/>
                  <a:pt x="2047" y="610"/>
                </a:cubicBezTo>
                <a:close/>
                <a:moveTo>
                  <a:pt x="758" y="819"/>
                </a:moveTo>
                <a:cubicBezTo>
                  <a:pt x="758" y="820"/>
                  <a:pt x="758" y="820"/>
                  <a:pt x="758" y="820"/>
                </a:cubicBezTo>
                <a:cubicBezTo>
                  <a:pt x="758" y="820"/>
                  <a:pt x="759" y="820"/>
                  <a:pt x="760" y="820"/>
                </a:cubicBezTo>
                <a:cubicBezTo>
                  <a:pt x="759" y="819"/>
                  <a:pt x="759" y="819"/>
                  <a:pt x="758" y="819"/>
                </a:cubicBezTo>
                <a:close/>
                <a:moveTo>
                  <a:pt x="1375" y="3294"/>
                </a:moveTo>
                <a:cubicBezTo>
                  <a:pt x="1386" y="3285"/>
                  <a:pt x="1402" y="3274"/>
                  <a:pt x="1387" y="3273"/>
                </a:cubicBezTo>
                <a:cubicBezTo>
                  <a:pt x="1379" y="3279"/>
                  <a:pt x="1376" y="3286"/>
                  <a:pt x="1375" y="3294"/>
                </a:cubicBezTo>
                <a:close/>
                <a:moveTo>
                  <a:pt x="769" y="817"/>
                </a:moveTo>
                <a:cubicBezTo>
                  <a:pt x="766" y="818"/>
                  <a:pt x="763" y="819"/>
                  <a:pt x="760" y="820"/>
                </a:cubicBezTo>
                <a:cubicBezTo>
                  <a:pt x="763" y="822"/>
                  <a:pt x="767" y="819"/>
                  <a:pt x="769" y="817"/>
                </a:cubicBezTo>
                <a:close/>
                <a:moveTo>
                  <a:pt x="1030" y="3925"/>
                </a:moveTo>
                <a:cubicBezTo>
                  <a:pt x="1035" y="3936"/>
                  <a:pt x="1062" y="3935"/>
                  <a:pt x="1054" y="3915"/>
                </a:cubicBezTo>
                <a:cubicBezTo>
                  <a:pt x="1051" y="3922"/>
                  <a:pt x="1040" y="3924"/>
                  <a:pt x="1030" y="3925"/>
                </a:cubicBezTo>
                <a:close/>
                <a:moveTo>
                  <a:pt x="1410" y="3786"/>
                </a:moveTo>
                <a:cubicBezTo>
                  <a:pt x="1412" y="3790"/>
                  <a:pt x="1413" y="3794"/>
                  <a:pt x="1415" y="3797"/>
                </a:cubicBezTo>
                <a:cubicBezTo>
                  <a:pt x="1415" y="3793"/>
                  <a:pt x="1414" y="3790"/>
                  <a:pt x="1410" y="3786"/>
                </a:cubicBezTo>
                <a:close/>
                <a:moveTo>
                  <a:pt x="477" y="3603"/>
                </a:moveTo>
                <a:cubicBezTo>
                  <a:pt x="481" y="3611"/>
                  <a:pt x="488" y="3614"/>
                  <a:pt x="497" y="3615"/>
                </a:cubicBezTo>
                <a:cubicBezTo>
                  <a:pt x="499" y="3599"/>
                  <a:pt x="484" y="3596"/>
                  <a:pt x="477" y="3603"/>
                </a:cubicBezTo>
                <a:close/>
                <a:moveTo>
                  <a:pt x="791" y="3781"/>
                </a:moveTo>
                <a:cubicBezTo>
                  <a:pt x="789" y="3785"/>
                  <a:pt x="788" y="3792"/>
                  <a:pt x="789" y="3801"/>
                </a:cubicBezTo>
                <a:cubicBezTo>
                  <a:pt x="800" y="3779"/>
                  <a:pt x="817" y="3795"/>
                  <a:pt x="829" y="3802"/>
                </a:cubicBezTo>
                <a:cubicBezTo>
                  <a:pt x="826" y="3798"/>
                  <a:pt x="824" y="3791"/>
                  <a:pt x="823" y="3782"/>
                </a:cubicBezTo>
                <a:cubicBezTo>
                  <a:pt x="810" y="3786"/>
                  <a:pt x="801" y="3783"/>
                  <a:pt x="791" y="3781"/>
                </a:cubicBezTo>
                <a:close/>
                <a:moveTo>
                  <a:pt x="486" y="3874"/>
                </a:moveTo>
                <a:cubicBezTo>
                  <a:pt x="481" y="3860"/>
                  <a:pt x="461" y="3872"/>
                  <a:pt x="457" y="3877"/>
                </a:cubicBezTo>
                <a:cubicBezTo>
                  <a:pt x="457" y="3882"/>
                  <a:pt x="465" y="3881"/>
                  <a:pt x="464" y="3887"/>
                </a:cubicBezTo>
                <a:cubicBezTo>
                  <a:pt x="473" y="3874"/>
                  <a:pt x="475" y="3877"/>
                  <a:pt x="486" y="3874"/>
                </a:cubicBezTo>
                <a:close/>
                <a:moveTo>
                  <a:pt x="679" y="3786"/>
                </a:moveTo>
                <a:cubicBezTo>
                  <a:pt x="667" y="3792"/>
                  <a:pt x="655" y="3796"/>
                  <a:pt x="640" y="3797"/>
                </a:cubicBezTo>
                <a:cubicBezTo>
                  <a:pt x="647" y="3806"/>
                  <a:pt x="677" y="3801"/>
                  <a:pt x="679" y="3786"/>
                </a:cubicBezTo>
                <a:close/>
                <a:moveTo>
                  <a:pt x="693" y="3871"/>
                </a:moveTo>
                <a:cubicBezTo>
                  <a:pt x="681" y="3870"/>
                  <a:pt x="671" y="3871"/>
                  <a:pt x="673" y="3886"/>
                </a:cubicBezTo>
                <a:cubicBezTo>
                  <a:pt x="676" y="3887"/>
                  <a:pt x="677" y="3884"/>
                  <a:pt x="677" y="3881"/>
                </a:cubicBezTo>
                <a:cubicBezTo>
                  <a:pt x="681" y="3885"/>
                  <a:pt x="683" y="3890"/>
                  <a:pt x="686" y="3896"/>
                </a:cubicBezTo>
                <a:cubicBezTo>
                  <a:pt x="690" y="3895"/>
                  <a:pt x="688" y="3891"/>
                  <a:pt x="685" y="3891"/>
                </a:cubicBezTo>
                <a:cubicBezTo>
                  <a:pt x="689" y="3876"/>
                  <a:pt x="691" y="3885"/>
                  <a:pt x="702" y="3886"/>
                </a:cubicBezTo>
                <a:cubicBezTo>
                  <a:pt x="717" y="3877"/>
                  <a:pt x="685" y="3887"/>
                  <a:pt x="693" y="3871"/>
                </a:cubicBezTo>
                <a:close/>
                <a:moveTo>
                  <a:pt x="439" y="4165"/>
                </a:moveTo>
                <a:cubicBezTo>
                  <a:pt x="433" y="4184"/>
                  <a:pt x="462" y="4174"/>
                  <a:pt x="473" y="4178"/>
                </a:cubicBezTo>
                <a:cubicBezTo>
                  <a:pt x="474" y="4164"/>
                  <a:pt x="453" y="4167"/>
                  <a:pt x="439" y="4165"/>
                </a:cubicBezTo>
                <a:close/>
                <a:moveTo>
                  <a:pt x="814" y="4024"/>
                </a:moveTo>
                <a:cubicBezTo>
                  <a:pt x="808" y="4017"/>
                  <a:pt x="798" y="4016"/>
                  <a:pt x="787" y="4017"/>
                </a:cubicBezTo>
                <a:cubicBezTo>
                  <a:pt x="791" y="4027"/>
                  <a:pt x="807" y="4034"/>
                  <a:pt x="814" y="4024"/>
                </a:cubicBezTo>
                <a:close/>
                <a:moveTo>
                  <a:pt x="474" y="4013"/>
                </a:moveTo>
                <a:cubicBezTo>
                  <a:pt x="487" y="4003"/>
                  <a:pt x="454" y="3980"/>
                  <a:pt x="445" y="3991"/>
                </a:cubicBezTo>
                <a:cubicBezTo>
                  <a:pt x="452" y="4001"/>
                  <a:pt x="475" y="3995"/>
                  <a:pt x="474" y="4013"/>
                </a:cubicBezTo>
                <a:close/>
                <a:moveTo>
                  <a:pt x="1273" y="4028"/>
                </a:moveTo>
                <a:cubicBezTo>
                  <a:pt x="1282" y="4040"/>
                  <a:pt x="1270" y="4043"/>
                  <a:pt x="1276" y="4054"/>
                </a:cubicBezTo>
                <a:cubicBezTo>
                  <a:pt x="1291" y="4049"/>
                  <a:pt x="1291" y="4049"/>
                  <a:pt x="1291" y="4049"/>
                </a:cubicBezTo>
                <a:cubicBezTo>
                  <a:pt x="1294" y="4043"/>
                  <a:pt x="1287" y="4023"/>
                  <a:pt x="1273" y="4028"/>
                </a:cubicBezTo>
                <a:close/>
                <a:moveTo>
                  <a:pt x="484" y="4174"/>
                </a:moveTo>
                <a:cubicBezTo>
                  <a:pt x="489" y="4193"/>
                  <a:pt x="532" y="4192"/>
                  <a:pt x="556" y="4204"/>
                </a:cubicBezTo>
                <a:cubicBezTo>
                  <a:pt x="544" y="4195"/>
                  <a:pt x="542" y="4180"/>
                  <a:pt x="533" y="4187"/>
                </a:cubicBezTo>
                <a:cubicBezTo>
                  <a:pt x="522" y="4185"/>
                  <a:pt x="531" y="4165"/>
                  <a:pt x="539" y="4168"/>
                </a:cubicBezTo>
                <a:cubicBezTo>
                  <a:pt x="539" y="4160"/>
                  <a:pt x="525" y="4165"/>
                  <a:pt x="525" y="4157"/>
                </a:cubicBezTo>
                <a:cubicBezTo>
                  <a:pt x="531" y="4177"/>
                  <a:pt x="500" y="4188"/>
                  <a:pt x="484" y="4174"/>
                </a:cubicBezTo>
                <a:close/>
                <a:moveTo>
                  <a:pt x="322" y="564"/>
                </a:moveTo>
                <a:cubicBezTo>
                  <a:pt x="387" y="573"/>
                  <a:pt x="509" y="501"/>
                  <a:pt x="561" y="572"/>
                </a:cubicBezTo>
                <a:cubicBezTo>
                  <a:pt x="548" y="578"/>
                  <a:pt x="538" y="546"/>
                  <a:pt x="511" y="554"/>
                </a:cubicBezTo>
                <a:cubicBezTo>
                  <a:pt x="531" y="569"/>
                  <a:pt x="533" y="592"/>
                  <a:pt x="559" y="607"/>
                </a:cubicBezTo>
                <a:cubicBezTo>
                  <a:pt x="559" y="621"/>
                  <a:pt x="534" y="599"/>
                  <a:pt x="539" y="620"/>
                </a:cubicBezTo>
                <a:cubicBezTo>
                  <a:pt x="545" y="630"/>
                  <a:pt x="552" y="617"/>
                  <a:pt x="566" y="622"/>
                </a:cubicBezTo>
                <a:cubicBezTo>
                  <a:pt x="551" y="588"/>
                  <a:pt x="605" y="596"/>
                  <a:pt x="617" y="601"/>
                </a:cubicBezTo>
                <a:cubicBezTo>
                  <a:pt x="617" y="591"/>
                  <a:pt x="607" y="594"/>
                  <a:pt x="611" y="580"/>
                </a:cubicBezTo>
                <a:cubicBezTo>
                  <a:pt x="596" y="576"/>
                  <a:pt x="585" y="591"/>
                  <a:pt x="576" y="578"/>
                </a:cubicBezTo>
                <a:cubicBezTo>
                  <a:pt x="595" y="545"/>
                  <a:pt x="621" y="568"/>
                  <a:pt x="651" y="564"/>
                </a:cubicBezTo>
                <a:cubicBezTo>
                  <a:pt x="623" y="557"/>
                  <a:pt x="599" y="505"/>
                  <a:pt x="565" y="487"/>
                </a:cubicBezTo>
                <a:cubicBezTo>
                  <a:pt x="549" y="491"/>
                  <a:pt x="527" y="490"/>
                  <a:pt x="525" y="465"/>
                </a:cubicBezTo>
                <a:cubicBezTo>
                  <a:pt x="516" y="466"/>
                  <a:pt x="517" y="482"/>
                  <a:pt x="505" y="479"/>
                </a:cubicBezTo>
                <a:cubicBezTo>
                  <a:pt x="492" y="468"/>
                  <a:pt x="506" y="452"/>
                  <a:pt x="476" y="459"/>
                </a:cubicBezTo>
                <a:cubicBezTo>
                  <a:pt x="440" y="408"/>
                  <a:pt x="525" y="449"/>
                  <a:pt x="514" y="419"/>
                </a:cubicBezTo>
                <a:cubicBezTo>
                  <a:pt x="524" y="417"/>
                  <a:pt x="520" y="429"/>
                  <a:pt x="527" y="430"/>
                </a:cubicBezTo>
                <a:cubicBezTo>
                  <a:pt x="528" y="442"/>
                  <a:pt x="508" y="426"/>
                  <a:pt x="514" y="444"/>
                </a:cubicBezTo>
                <a:cubicBezTo>
                  <a:pt x="521" y="455"/>
                  <a:pt x="533" y="448"/>
                  <a:pt x="531" y="430"/>
                </a:cubicBezTo>
                <a:cubicBezTo>
                  <a:pt x="552" y="434"/>
                  <a:pt x="554" y="459"/>
                  <a:pt x="579" y="458"/>
                </a:cubicBezTo>
                <a:cubicBezTo>
                  <a:pt x="576" y="449"/>
                  <a:pt x="567" y="446"/>
                  <a:pt x="555" y="447"/>
                </a:cubicBezTo>
                <a:cubicBezTo>
                  <a:pt x="552" y="432"/>
                  <a:pt x="562" y="434"/>
                  <a:pt x="561" y="422"/>
                </a:cubicBezTo>
                <a:cubicBezTo>
                  <a:pt x="537" y="421"/>
                  <a:pt x="526" y="408"/>
                  <a:pt x="510" y="399"/>
                </a:cubicBezTo>
                <a:cubicBezTo>
                  <a:pt x="521" y="428"/>
                  <a:pt x="422" y="418"/>
                  <a:pt x="417" y="459"/>
                </a:cubicBezTo>
                <a:cubicBezTo>
                  <a:pt x="414" y="456"/>
                  <a:pt x="408" y="454"/>
                  <a:pt x="401" y="455"/>
                </a:cubicBezTo>
                <a:cubicBezTo>
                  <a:pt x="394" y="470"/>
                  <a:pt x="382" y="479"/>
                  <a:pt x="364" y="481"/>
                </a:cubicBezTo>
                <a:cubicBezTo>
                  <a:pt x="347" y="516"/>
                  <a:pt x="302" y="530"/>
                  <a:pt x="293" y="562"/>
                </a:cubicBezTo>
                <a:cubicBezTo>
                  <a:pt x="304" y="552"/>
                  <a:pt x="329" y="563"/>
                  <a:pt x="322" y="564"/>
                </a:cubicBezTo>
                <a:close/>
                <a:moveTo>
                  <a:pt x="637" y="879"/>
                </a:moveTo>
                <a:cubicBezTo>
                  <a:pt x="623" y="896"/>
                  <a:pt x="645" y="898"/>
                  <a:pt x="629" y="918"/>
                </a:cubicBezTo>
                <a:cubicBezTo>
                  <a:pt x="647" y="911"/>
                  <a:pt x="660" y="912"/>
                  <a:pt x="679" y="921"/>
                </a:cubicBezTo>
                <a:cubicBezTo>
                  <a:pt x="684" y="894"/>
                  <a:pt x="658" y="918"/>
                  <a:pt x="650" y="901"/>
                </a:cubicBezTo>
                <a:cubicBezTo>
                  <a:pt x="652" y="878"/>
                  <a:pt x="666" y="890"/>
                  <a:pt x="673" y="895"/>
                </a:cubicBezTo>
                <a:cubicBezTo>
                  <a:pt x="674" y="856"/>
                  <a:pt x="639" y="908"/>
                  <a:pt x="645" y="865"/>
                </a:cubicBezTo>
                <a:cubicBezTo>
                  <a:pt x="637" y="867"/>
                  <a:pt x="630" y="870"/>
                  <a:pt x="619" y="866"/>
                </a:cubicBezTo>
                <a:cubicBezTo>
                  <a:pt x="614" y="884"/>
                  <a:pt x="631" y="875"/>
                  <a:pt x="637" y="879"/>
                </a:cubicBezTo>
                <a:close/>
                <a:moveTo>
                  <a:pt x="449" y="843"/>
                </a:moveTo>
                <a:cubicBezTo>
                  <a:pt x="436" y="845"/>
                  <a:pt x="422" y="844"/>
                  <a:pt x="407" y="853"/>
                </a:cubicBezTo>
                <a:cubicBezTo>
                  <a:pt x="410" y="853"/>
                  <a:pt x="447" y="861"/>
                  <a:pt x="449" y="843"/>
                </a:cubicBezTo>
                <a:close/>
                <a:moveTo>
                  <a:pt x="445" y="623"/>
                </a:moveTo>
                <a:cubicBezTo>
                  <a:pt x="421" y="624"/>
                  <a:pt x="395" y="622"/>
                  <a:pt x="381" y="635"/>
                </a:cubicBezTo>
                <a:cubicBezTo>
                  <a:pt x="386" y="678"/>
                  <a:pt x="425" y="631"/>
                  <a:pt x="445" y="623"/>
                </a:cubicBezTo>
                <a:close/>
                <a:moveTo>
                  <a:pt x="569" y="857"/>
                </a:moveTo>
                <a:cubicBezTo>
                  <a:pt x="564" y="872"/>
                  <a:pt x="566" y="870"/>
                  <a:pt x="570" y="882"/>
                </a:cubicBezTo>
                <a:cubicBezTo>
                  <a:pt x="574" y="872"/>
                  <a:pt x="570" y="859"/>
                  <a:pt x="585" y="858"/>
                </a:cubicBezTo>
                <a:cubicBezTo>
                  <a:pt x="585" y="847"/>
                  <a:pt x="576" y="864"/>
                  <a:pt x="569" y="857"/>
                </a:cubicBezTo>
                <a:close/>
                <a:moveTo>
                  <a:pt x="642" y="940"/>
                </a:moveTo>
                <a:cubicBezTo>
                  <a:pt x="645" y="935"/>
                  <a:pt x="650" y="936"/>
                  <a:pt x="650" y="926"/>
                </a:cubicBezTo>
                <a:cubicBezTo>
                  <a:pt x="640" y="928"/>
                  <a:pt x="635" y="939"/>
                  <a:pt x="627" y="943"/>
                </a:cubicBezTo>
                <a:cubicBezTo>
                  <a:pt x="617" y="956"/>
                  <a:pt x="644" y="934"/>
                  <a:pt x="641" y="945"/>
                </a:cubicBezTo>
                <a:cubicBezTo>
                  <a:pt x="645" y="945"/>
                  <a:pt x="644" y="940"/>
                  <a:pt x="642" y="940"/>
                </a:cubicBezTo>
                <a:close/>
                <a:moveTo>
                  <a:pt x="590" y="75"/>
                </a:moveTo>
                <a:cubicBezTo>
                  <a:pt x="575" y="70"/>
                  <a:pt x="568" y="56"/>
                  <a:pt x="562" y="66"/>
                </a:cubicBezTo>
                <a:cubicBezTo>
                  <a:pt x="550" y="69"/>
                  <a:pt x="552" y="46"/>
                  <a:pt x="561" y="46"/>
                </a:cubicBezTo>
                <a:cubicBezTo>
                  <a:pt x="557" y="39"/>
                  <a:pt x="546" y="49"/>
                  <a:pt x="543" y="41"/>
                </a:cubicBezTo>
                <a:cubicBezTo>
                  <a:pt x="556" y="58"/>
                  <a:pt x="532" y="79"/>
                  <a:pt x="511" y="72"/>
                </a:cubicBezTo>
                <a:cubicBezTo>
                  <a:pt x="523" y="88"/>
                  <a:pt x="563" y="71"/>
                  <a:pt x="590" y="75"/>
                </a:cubicBezTo>
                <a:close/>
                <a:moveTo>
                  <a:pt x="2055" y="760"/>
                </a:moveTo>
                <a:cubicBezTo>
                  <a:pt x="2047" y="766"/>
                  <a:pt x="2039" y="758"/>
                  <a:pt x="2031" y="757"/>
                </a:cubicBezTo>
                <a:cubicBezTo>
                  <a:pt x="2028" y="771"/>
                  <a:pt x="2056" y="762"/>
                  <a:pt x="2064" y="785"/>
                </a:cubicBezTo>
                <a:cubicBezTo>
                  <a:pt x="2073" y="795"/>
                  <a:pt x="2052" y="751"/>
                  <a:pt x="2056" y="739"/>
                </a:cubicBezTo>
                <a:cubicBezTo>
                  <a:pt x="2046" y="742"/>
                  <a:pt x="2019" y="740"/>
                  <a:pt x="2021" y="725"/>
                </a:cubicBezTo>
                <a:cubicBezTo>
                  <a:pt x="1996" y="738"/>
                  <a:pt x="2040" y="742"/>
                  <a:pt x="2055" y="760"/>
                </a:cubicBezTo>
                <a:close/>
                <a:moveTo>
                  <a:pt x="503" y="80"/>
                </a:moveTo>
                <a:cubicBezTo>
                  <a:pt x="498" y="66"/>
                  <a:pt x="480" y="77"/>
                  <a:pt x="466" y="80"/>
                </a:cubicBezTo>
                <a:cubicBezTo>
                  <a:pt x="468" y="100"/>
                  <a:pt x="491" y="80"/>
                  <a:pt x="503" y="80"/>
                </a:cubicBezTo>
                <a:close/>
                <a:moveTo>
                  <a:pt x="415" y="823"/>
                </a:moveTo>
                <a:cubicBezTo>
                  <a:pt x="434" y="832"/>
                  <a:pt x="462" y="793"/>
                  <a:pt x="459" y="833"/>
                </a:cubicBezTo>
                <a:cubicBezTo>
                  <a:pt x="478" y="829"/>
                  <a:pt x="479" y="819"/>
                  <a:pt x="495" y="832"/>
                </a:cubicBezTo>
                <a:cubicBezTo>
                  <a:pt x="489" y="779"/>
                  <a:pt x="540" y="834"/>
                  <a:pt x="559" y="796"/>
                </a:cubicBezTo>
                <a:cubicBezTo>
                  <a:pt x="575" y="817"/>
                  <a:pt x="601" y="809"/>
                  <a:pt x="627" y="822"/>
                </a:cubicBezTo>
                <a:cubicBezTo>
                  <a:pt x="623" y="812"/>
                  <a:pt x="622" y="799"/>
                  <a:pt x="609" y="800"/>
                </a:cubicBezTo>
                <a:cubicBezTo>
                  <a:pt x="620" y="827"/>
                  <a:pt x="591" y="791"/>
                  <a:pt x="579" y="803"/>
                </a:cubicBezTo>
                <a:cubicBezTo>
                  <a:pt x="576" y="802"/>
                  <a:pt x="573" y="787"/>
                  <a:pt x="575" y="783"/>
                </a:cubicBezTo>
                <a:cubicBezTo>
                  <a:pt x="558" y="790"/>
                  <a:pt x="509" y="785"/>
                  <a:pt x="489" y="808"/>
                </a:cubicBezTo>
                <a:cubicBezTo>
                  <a:pt x="481" y="775"/>
                  <a:pt x="464" y="819"/>
                  <a:pt x="458" y="788"/>
                </a:cubicBezTo>
                <a:cubicBezTo>
                  <a:pt x="452" y="789"/>
                  <a:pt x="456" y="805"/>
                  <a:pt x="452" y="808"/>
                </a:cubicBezTo>
                <a:cubicBezTo>
                  <a:pt x="435" y="791"/>
                  <a:pt x="418" y="818"/>
                  <a:pt x="405" y="814"/>
                </a:cubicBezTo>
                <a:cubicBezTo>
                  <a:pt x="400" y="816"/>
                  <a:pt x="411" y="853"/>
                  <a:pt x="396" y="834"/>
                </a:cubicBezTo>
                <a:cubicBezTo>
                  <a:pt x="392" y="855"/>
                  <a:pt x="414" y="844"/>
                  <a:pt x="415" y="823"/>
                </a:cubicBezTo>
                <a:close/>
                <a:moveTo>
                  <a:pt x="179" y="851"/>
                </a:moveTo>
                <a:cubicBezTo>
                  <a:pt x="185" y="861"/>
                  <a:pt x="195" y="841"/>
                  <a:pt x="204" y="840"/>
                </a:cubicBezTo>
                <a:cubicBezTo>
                  <a:pt x="196" y="829"/>
                  <a:pt x="180" y="843"/>
                  <a:pt x="179" y="851"/>
                </a:cubicBezTo>
                <a:close/>
                <a:moveTo>
                  <a:pt x="679" y="129"/>
                </a:moveTo>
                <a:cubicBezTo>
                  <a:pt x="649" y="148"/>
                  <a:pt x="621" y="130"/>
                  <a:pt x="595" y="136"/>
                </a:cubicBezTo>
                <a:cubicBezTo>
                  <a:pt x="589" y="128"/>
                  <a:pt x="590" y="123"/>
                  <a:pt x="601" y="121"/>
                </a:cubicBezTo>
                <a:cubicBezTo>
                  <a:pt x="589" y="104"/>
                  <a:pt x="568" y="120"/>
                  <a:pt x="564" y="115"/>
                </a:cubicBezTo>
                <a:cubicBezTo>
                  <a:pt x="557" y="115"/>
                  <a:pt x="559" y="123"/>
                  <a:pt x="558" y="129"/>
                </a:cubicBezTo>
                <a:cubicBezTo>
                  <a:pt x="541" y="126"/>
                  <a:pt x="536" y="140"/>
                  <a:pt x="531" y="123"/>
                </a:cubicBezTo>
                <a:cubicBezTo>
                  <a:pt x="523" y="142"/>
                  <a:pt x="493" y="140"/>
                  <a:pt x="483" y="157"/>
                </a:cubicBezTo>
                <a:cubicBezTo>
                  <a:pt x="493" y="155"/>
                  <a:pt x="525" y="134"/>
                  <a:pt x="520" y="163"/>
                </a:cubicBezTo>
                <a:cubicBezTo>
                  <a:pt x="526" y="162"/>
                  <a:pt x="524" y="154"/>
                  <a:pt x="525" y="148"/>
                </a:cubicBezTo>
                <a:cubicBezTo>
                  <a:pt x="535" y="152"/>
                  <a:pt x="544" y="157"/>
                  <a:pt x="556" y="159"/>
                </a:cubicBezTo>
                <a:cubicBezTo>
                  <a:pt x="565" y="150"/>
                  <a:pt x="574" y="142"/>
                  <a:pt x="584" y="135"/>
                </a:cubicBezTo>
                <a:cubicBezTo>
                  <a:pt x="597" y="137"/>
                  <a:pt x="576" y="144"/>
                  <a:pt x="583" y="155"/>
                </a:cubicBezTo>
                <a:cubicBezTo>
                  <a:pt x="598" y="136"/>
                  <a:pt x="602" y="167"/>
                  <a:pt x="606" y="169"/>
                </a:cubicBezTo>
                <a:cubicBezTo>
                  <a:pt x="607" y="167"/>
                  <a:pt x="608" y="164"/>
                  <a:pt x="608" y="162"/>
                </a:cubicBezTo>
                <a:cubicBezTo>
                  <a:pt x="607" y="168"/>
                  <a:pt x="606" y="169"/>
                  <a:pt x="606" y="169"/>
                </a:cubicBezTo>
                <a:cubicBezTo>
                  <a:pt x="593" y="190"/>
                  <a:pt x="545" y="200"/>
                  <a:pt x="514" y="183"/>
                </a:cubicBezTo>
                <a:cubicBezTo>
                  <a:pt x="517" y="198"/>
                  <a:pt x="517" y="192"/>
                  <a:pt x="513" y="208"/>
                </a:cubicBezTo>
                <a:cubicBezTo>
                  <a:pt x="530" y="175"/>
                  <a:pt x="562" y="232"/>
                  <a:pt x="590" y="200"/>
                </a:cubicBezTo>
                <a:cubicBezTo>
                  <a:pt x="666" y="245"/>
                  <a:pt x="777" y="210"/>
                  <a:pt x="856" y="251"/>
                </a:cubicBezTo>
                <a:cubicBezTo>
                  <a:pt x="854" y="243"/>
                  <a:pt x="851" y="237"/>
                  <a:pt x="850" y="230"/>
                </a:cubicBezTo>
                <a:cubicBezTo>
                  <a:pt x="865" y="229"/>
                  <a:pt x="866" y="238"/>
                  <a:pt x="878" y="241"/>
                </a:cubicBezTo>
                <a:cubicBezTo>
                  <a:pt x="895" y="217"/>
                  <a:pt x="945" y="255"/>
                  <a:pt x="964" y="244"/>
                </a:cubicBezTo>
                <a:cubicBezTo>
                  <a:pt x="949" y="247"/>
                  <a:pt x="941" y="238"/>
                  <a:pt x="938" y="223"/>
                </a:cubicBezTo>
                <a:cubicBezTo>
                  <a:pt x="904" y="222"/>
                  <a:pt x="893" y="224"/>
                  <a:pt x="864" y="207"/>
                </a:cubicBezTo>
                <a:cubicBezTo>
                  <a:pt x="871" y="202"/>
                  <a:pt x="873" y="190"/>
                  <a:pt x="883" y="191"/>
                </a:cubicBezTo>
                <a:cubicBezTo>
                  <a:pt x="880" y="184"/>
                  <a:pt x="874" y="187"/>
                  <a:pt x="859" y="181"/>
                </a:cubicBezTo>
                <a:cubicBezTo>
                  <a:pt x="810" y="266"/>
                  <a:pt x="807" y="171"/>
                  <a:pt x="779" y="201"/>
                </a:cubicBezTo>
                <a:cubicBezTo>
                  <a:pt x="772" y="193"/>
                  <a:pt x="774" y="179"/>
                  <a:pt x="774" y="166"/>
                </a:cubicBezTo>
                <a:cubicBezTo>
                  <a:pt x="753" y="168"/>
                  <a:pt x="758" y="146"/>
                  <a:pt x="744" y="157"/>
                </a:cubicBezTo>
                <a:cubicBezTo>
                  <a:pt x="744" y="146"/>
                  <a:pt x="750" y="141"/>
                  <a:pt x="761" y="144"/>
                </a:cubicBezTo>
                <a:cubicBezTo>
                  <a:pt x="763" y="129"/>
                  <a:pt x="725" y="143"/>
                  <a:pt x="726" y="129"/>
                </a:cubicBezTo>
                <a:cubicBezTo>
                  <a:pt x="711" y="133"/>
                  <a:pt x="731" y="146"/>
                  <a:pt x="740" y="146"/>
                </a:cubicBezTo>
                <a:cubicBezTo>
                  <a:pt x="731" y="164"/>
                  <a:pt x="713" y="174"/>
                  <a:pt x="719" y="143"/>
                </a:cubicBezTo>
                <a:cubicBezTo>
                  <a:pt x="699" y="145"/>
                  <a:pt x="679" y="157"/>
                  <a:pt x="679" y="129"/>
                </a:cubicBezTo>
                <a:close/>
                <a:moveTo>
                  <a:pt x="324" y="114"/>
                </a:moveTo>
                <a:cubicBezTo>
                  <a:pt x="295" y="88"/>
                  <a:pt x="235" y="117"/>
                  <a:pt x="202" y="107"/>
                </a:cubicBezTo>
                <a:cubicBezTo>
                  <a:pt x="196" y="112"/>
                  <a:pt x="193" y="121"/>
                  <a:pt x="189" y="128"/>
                </a:cubicBezTo>
                <a:cubicBezTo>
                  <a:pt x="183" y="127"/>
                  <a:pt x="184" y="119"/>
                  <a:pt x="183" y="113"/>
                </a:cubicBezTo>
                <a:cubicBezTo>
                  <a:pt x="152" y="113"/>
                  <a:pt x="133" y="150"/>
                  <a:pt x="102" y="133"/>
                </a:cubicBezTo>
                <a:cubicBezTo>
                  <a:pt x="104" y="122"/>
                  <a:pt x="128" y="133"/>
                  <a:pt x="131" y="122"/>
                </a:cubicBezTo>
                <a:cubicBezTo>
                  <a:pt x="118" y="113"/>
                  <a:pt x="111" y="128"/>
                  <a:pt x="92" y="118"/>
                </a:cubicBezTo>
                <a:cubicBezTo>
                  <a:pt x="89" y="136"/>
                  <a:pt x="92" y="131"/>
                  <a:pt x="88" y="148"/>
                </a:cubicBezTo>
                <a:cubicBezTo>
                  <a:pt x="129" y="153"/>
                  <a:pt x="123" y="145"/>
                  <a:pt x="175" y="144"/>
                </a:cubicBezTo>
                <a:cubicBezTo>
                  <a:pt x="160" y="128"/>
                  <a:pt x="202" y="134"/>
                  <a:pt x="198" y="127"/>
                </a:cubicBezTo>
                <a:cubicBezTo>
                  <a:pt x="198" y="147"/>
                  <a:pt x="218" y="142"/>
                  <a:pt x="227" y="124"/>
                </a:cubicBezTo>
                <a:cubicBezTo>
                  <a:pt x="241" y="128"/>
                  <a:pt x="222" y="138"/>
                  <a:pt x="234" y="144"/>
                </a:cubicBezTo>
                <a:cubicBezTo>
                  <a:pt x="250" y="131"/>
                  <a:pt x="291" y="146"/>
                  <a:pt x="281" y="124"/>
                </a:cubicBezTo>
                <a:cubicBezTo>
                  <a:pt x="287" y="124"/>
                  <a:pt x="289" y="122"/>
                  <a:pt x="290" y="118"/>
                </a:cubicBezTo>
                <a:cubicBezTo>
                  <a:pt x="302" y="122"/>
                  <a:pt x="283" y="141"/>
                  <a:pt x="307" y="136"/>
                </a:cubicBezTo>
                <a:cubicBezTo>
                  <a:pt x="289" y="121"/>
                  <a:pt x="317" y="121"/>
                  <a:pt x="324" y="114"/>
                </a:cubicBezTo>
                <a:close/>
                <a:moveTo>
                  <a:pt x="226" y="176"/>
                </a:moveTo>
                <a:cubicBezTo>
                  <a:pt x="224" y="167"/>
                  <a:pt x="230" y="164"/>
                  <a:pt x="228" y="155"/>
                </a:cubicBezTo>
                <a:cubicBezTo>
                  <a:pt x="223" y="156"/>
                  <a:pt x="218" y="157"/>
                  <a:pt x="214" y="158"/>
                </a:cubicBezTo>
                <a:cubicBezTo>
                  <a:pt x="222" y="165"/>
                  <a:pt x="220" y="168"/>
                  <a:pt x="205" y="169"/>
                </a:cubicBezTo>
                <a:cubicBezTo>
                  <a:pt x="209" y="175"/>
                  <a:pt x="217" y="177"/>
                  <a:pt x="226" y="176"/>
                </a:cubicBezTo>
                <a:close/>
                <a:moveTo>
                  <a:pt x="131" y="306"/>
                </a:moveTo>
                <a:cubicBezTo>
                  <a:pt x="146" y="305"/>
                  <a:pt x="159" y="308"/>
                  <a:pt x="172" y="300"/>
                </a:cubicBezTo>
                <a:cubicBezTo>
                  <a:pt x="172" y="282"/>
                  <a:pt x="129" y="295"/>
                  <a:pt x="125" y="302"/>
                </a:cubicBezTo>
                <a:cubicBezTo>
                  <a:pt x="114" y="302"/>
                  <a:pt x="112" y="286"/>
                  <a:pt x="106" y="276"/>
                </a:cubicBezTo>
                <a:cubicBezTo>
                  <a:pt x="95" y="288"/>
                  <a:pt x="96" y="308"/>
                  <a:pt x="91" y="324"/>
                </a:cubicBezTo>
                <a:cubicBezTo>
                  <a:pt x="101" y="331"/>
                  <a:pt x="145" y="317"/>
                  <a:pt x="131" y="306"/>
                </a:cubicBezTo>
                <a:close/>
                <a:moveTo>
                  <a:pt x="575" y="783"/>
                </a:moveTo>
                <a:cubicBezTo>
                  <a:pt x="576" y="783"/>
                  <a:pt x="576" y="783"/>
                  <a:pt x="577" y="783"/>
                </a:cubicBezTo>
                <a:cubicBezTo>
                  <a:pt x="576" y="782"/>
                  <a:pt x="575" y="783"/>
                  <a:pt x="575" y="783"/>
                </a:cubicBezTo>
                <a:close/>
                <a:moveTo>
                  <a:pt x="1122" y="3909"/>
                </a:moveTo>
                <a:cubicBezTo>
                  <a:pt x="1116" y="3916"/>
                  <a:pt x="1164" y="3907"/>
                  <a:pt x="1166" y="3901"/>
                </a:cubicBezTo>
                <a:cubicBezTo>
                  <a:pt x="1157" y="3892"/>
                  <a:pt x="1136" y="3908"/>
                  <a:pt x="1122" y="3909"/>
                </a:cubicBezTo>
                <a:close/>
                <a:moveTo>
                  <a:pt x="376" y="670"/>
                </a:moveTo>
                <a:cubicBezTo>
                  <a:pt x="365" y="657"/>
                  <a:pt x="372" y="658"/>
                  <a:pt x="374" y="640"/>
                </a:cubicBezTo>
                <a:cubicBezTo>
                  <a:pt x="367" y="641"/>
                  <a:pt x="366" y="634"/>
                  <a:pt x="359" y="636"/>
                </a:cubicBezTo>
                <a:cubicBezTo>
                  <a:pt x="366" y="645"/>
                  <a:pt x="358" y="677"/>
                  <a:pt x="376" y="670"/>
                </a:cubicBezTo>
                <a:close/>
                <a:moveTo>
                  <a:pt x="320" y="389"/>
                </a:moveTo>
                <a:cubicBezTo>
                  <a:pt x="311" y="379"/>
                  <a:pt x="292" y="377"/>
                  <a:pt x="299" y="401"/>
                </a:cubicBezTo>
                <a:cubicBezTo>
                  <a:pt x="312" y="403"/>
                  <a:pt x="306" y="386"/>
                  <a:pt x="320" y="389"/>
                </a:cubicBezTo>
                <a:close/>
                <a:moveTo>
                  <a:pt x="1533" y="440"/>
                </a:moveTo>
                <a:cubicBezTo>
                  <a:pt x="1541" y="446"/>
                  <a:pt x="1589" y="471"/>
                  <a:pt x="1550" y="438"/>
                </a:cubicBezTo>
                <a:cubicBezTo>
                  <a:pt x="1544" y="440"/>
                  <a:pt x="1539" y="440"/>
                  <a:pt x="1533" y="440"/>
                </a:cubicBezTo>
                <a:close/>
                <a:moveTo>
                  <a:pt x="1956" y="682"/>
                </a:moveTo>
                <a:cubicBezTo>
                  <a:pt x="1958" y="676"/>
                  <a:pt x="1952" y="671"/>
                  <a:pt x="1960" y="665"/>
                </a:cubicBezTo>
                <a:cubicBezTo>
                  <a:pt x="1935" y="665"/>
                  <a:pt x="1936" y="693"/>
                  <a:pt x="1922" y="712"/>
                </a:cubicBezTo>
                <a:cubicBezTo>
                  <a:pt x="1930" y="716"/>
                  <a:pt x="1938" y="736"/>
                  <a:pt x="1946" y="720"/>
                </a:cubicBezTo>
                <a:cubicBezTo>
                  <a:pt x="1923" y="705"/>
                  <a:pt x="1938" y="682"/>
                  <a:pt x="1956" y="682"/>
                </a:cubicBezTo>
                <a:close/>
                <a:moveTo>
                  <a:pt x="1614" y="448"/>
                </a:moveTo>
                <a:cubicBezTo>
                  <a:pt x="1612" y="427"/>
                  <a:pt x="1588" y="446"/>
                  <a:pt x="1587" y="431"/>
                </a:cubicBezTo>
                <a:cubicBezTo>
                  <a:pt x="1590" y="426"/>
                  <a:pt x="1596" y="432"/>
                  <a:pt x="1601" y="434"/>
                </a:cubicBezTo>
                <a:cubicBezTo>
                  <a:pt x="1604" y="419"/>
                  <a:pt x="1584" y="411"/>
                  <a:pt x="1586" y="396"/>
                </a:cubicBezTo>
                <a:cubicBezTo>
                  <a:pt x="1577" y="394"/>
                  <a:pt x="1577" y="404"/>
                  <a:pt x="1585" y="407"/>
                </a:cubicBezTo>
                <a:cubicBezTo>
                  <a:pt x="1572" y="420"/>
                  <a:pt x="1578" y="417"/>
                  <a:pt x="1565" y="430"/>
                </a:cubicBezTo>
                <a:cubicBezTo>
                  <a:pt x="1579" y="440"/>
                  <a:pt x="1586" y="452"/>
                  <a:pt x="1593" y="464"/>
                </a:cubicBezTo>
                <a:cubicBezTo>
                  <a:pt x="1601" y="464"/>
                  <a:pt x="1608" y="459"/>
                  <a:pt x="1614" y="448"/>
                </a:cubicBezTo>
                <a:close/>
                <a:moveTo>
                  <a:pt x="1674" y="451"/>
                </a:moveTo>
                <a:cubicBezTo>
                  <a:pt x="1674" y="446"/>
                  <a:pt x="1667" y="437"/>
                  <a:pt x="1675" y="440"/>
                </a:cubicBezTo>
                <a:cubicBezTo>
                  <a:pt x="1666" y="416"/>
                  <a:pt x="1636" y="404"/>
                  <a:pt x="1611" y="399"/>
                </a:cubicBezTo>
                <a:cubicBezTo>
                  <a:pt x="1633" y="419"/>
                  <a:pt x="1648" y="427"/>
                  <a:pt x="1674" y="451"/>
                </a:cubicBezTo>
                <a:close/>
                <a:moveTo>
                  <a:pt x="1630" y="500"/>
                </a:moveTo>
                <a:cubicBezTo>
                  <a:pt x="1630" y="484"/>
                  <a:pt x="1618" y="470"/>
                  <a:pt x="1616" y="455"/>
                </a:cubicBezTo>
                <a:cubicBezTo>
                  <a:pt x="1604" y="481"/>
                  <a:pt x="1614" y="486"/>
                  <a:pt x="1630" y="500"/>
                </a:cubicBezTo>
                <a:close/>
                <a:moveTo>
                  <a:pt x="2036" y="607"/>
                </a:moveTo>
                <a:cubicBezTo>
                  <a:pt x="2043" y="589"/>
                  <a:pt x="2009" y="564"/>
                  <a:pt x="1997" y="539"/>
                </a:cubicBezTo>
                <a:cubicBezTo>
                  <a:pt x="2001" y="553"/>
                  <a:pt x="1993" y="566"/>
                  <a:pt x="2005" y="566"/>
                </a:cubicBezTo>
                <a:cubicBezTo>
                  <a:pt x="2013" y="575"/>
                  <a:pt x="1993" y="585"/>
                  <a:pt x="1988" y="578"/>
                </a:cubicBezTo>
                <a:cubicBezTo>
                  <a:pt x="1984" y="584"/>
                  <a:pt x="1998" y="589"/>
                  <a:pt x="1993" y="596"/>
                </a:cubicBezTo>
                <a:cubicBezTo>
                  <a:pt x="2001" y="576"/>
                  <a:pt x="2031" y="586"/>
                  <a:pt x="2036" y="607"/>
                </a:cubicBezTo>
                <a:close/>
                <a:moveTo>
                  <a:pt x="1980" y="740"/>
                </a:moveTo>
                <a:cubicBezTo>
                  <a:pt x="1962" y="750"/>
                  <a:pt x="1977" y="758"/>
                  <a:pt x="1986" y="767"/>
                </a:cubicBezTo>
                <a:cubicBezTo>
                  <a:pt x="1991" y="758"/>
                  <a:pt x="1986" y="749"/>
                  <a:pt x="1980" y="740"/>
                </a:cubicBezTo>
                <a:close/>
                <a:moveTo>
                  <a:pt x="1981" y="520"/>
                </a:moveTo>
                <a:cubicBezTo>
                  <a:pt x="1973" y="546"/>
                  <a:pt x="1957" y="525"/>
                  <a:pt x="1945" y="525"/>
                </a:cubicBezTo>
                <a:cubicBezTo>
                  <a:pt x="1946" y="546"/>
                  <a:pt x="2010" y="544"/>
                  <a:pt x="1981" y="520"/>
                </a:cubicBezTo>
                <a:close/>
                <a:moveTo>
                  <a:pt x="990" y="184"/>
                </a:moveTo>
                <a:cubicBezTo>
                  <a:pt x="1022" y="203"/>
                  <a:pt x="1060" y="197"/>
                  <a:pt x="1076" y="214"/>
                </a:cubicBezTo>
                <a:cubicBezTo>
                  <a:pt x="1128" y="181"/>
                  <a:pt x="1104" y="214"/>
                  <a:pt x="1145" y="231"/>
                </a:cubicBezTo>
                <a:cubicBezTo>
                  <a:pt x="1147" y="221"/>
                  <a:pt x="1151" y="217"/>
                  <a:pt x="1159" y="220"/>
                </a:cubicBezTo>
                <a:cubicBezTo>
                  <a:pt x="1158" y="215"/>
                  <a:pt x="1157" y="211"/>
                  <a:pt x="1159" y="204"/>
                </a:cubicBezTo>
                <a:cubicBezTo>
                  <a:pt x="1151" y="207"/>
                  <a:pt x="1145" y="214"/>
                  <a:pt x="1139" y="218"/>
                </a:cubicBezTo>
                <a:cubicBezTo>
                  <a:pt x="1132" y="202"/>
                  <a:pt x="1110" y="193"/>
                  <a:pt x="1104" y="176"/>
                </a:cubicBezTo>
                <a:cubicBezTo>
                  <a:pt x="1093" y="173"/>
                  <a:pt x="1089" y="185"/>
                  <a:pt x="1087" y="197"/>
                </a:cubicBezTo>
                <a:cubicBezTo>
                  <a:pt x="1082" y="189"/>
                  <a:pt x="1078" y="189"/>
                  <a:pt x="1075" y="198"/>
                </a:cubicBezTo>
                <a:cubicBezTo>
                  <a:pt x="1065" y="180"/>
                  <a:pt x="1050" y="188"/>
                  <a:pt x="1036" y="171"/>
                </a:cubicBezTo>
                <a:cubicBezTo>
                  <a:pt x="1022" y="179"/>
                  <a:pt x="1013" y="193"/>
                  <a:pt x="990" y="184"/>
                </a:cubicBezTo>
                <a:close/>
                <a:moveTo>
                  <a:pt x="1479" y="449"/>
                </a:moveTo>
                <a:cubicBezTo>
                  <a:pt x="1480" y="447"/>
                  <a:pt x="1479" y="445"/>
                  <a:pt x="1478" y="444"/>
                </a:cubicBezTo>
                <a:cubicBezTo>
                  <a:pt x="1479" y="446"/>
                  <a:pt x="1479" y="447"/>
                  <a:pt x="1479" y="449"/>
                </a:cubicBezTo>
                <a:close/>
                <a:moveTo>
                  <a:pt x="1909" y="488"/>
                </a:moveTo>
                <a:cubicBezTo>
                  <a:pt x="1899" y="475"/>
                  <a:pt x="1892" y="485"/>
                  <a:pt x="1881" y="472"/>
                </a:cubicBezTo>
                <a:cubicBezTo>
                  <a:pt x="1885" y="464"/>
                  <a:pt x="1890" y="467"/>
                  <a:pt x="1896" y="471"/>
                </a:cubicBezTo>
                <a:cubicBezTo>
                  <a:pt x="1892" y="450"/>
                  <a:pt x="1821" y="445"/>
                  <a:pt x="1853" y="421"/>
                </a:cubicBezTo>
                <a:cubicBezTo>
                  <a:pt x="1850" y="400"/>
                  <a:pt x="1813" y="408"/>
                  <a:pt x="1824" y="387"/>
                </a:cubicBezTo>
                <a:cubicBezTo>
                  <a:pt x="1796" y="392"/>
                  <a:pt x="1768" y="350"/>
                  <a:pt x="1750" y="331"/>
                </a:cubicBezTo>
                <a:cubicBezTo>
                  <a:pt x="1720" y="338"/>
                  <a:pt x="1698" y="310"/>
                  <a:pt x="1667" y="299"/>
                </a:cubicBezTo>
                <a:cubicBezTo>
                  <a:pt x="1688" y="283"/>
                  <a:pt x="1700" y="306"/>
                  <a:pt x="1732" y="319"/>
                </a:cubicBezTo>
                <a:cubicBezTo>
                  <a:pt x="1731" y="298"/>
                  <a:pt x="1694" y="303"/>
                  <a:pt x="1677" y="282"/>
                </a:cubicBezTo>
                <a:cubicBezTo>
                  <a:pt x="1671" y="304"/>
                  <a:pt x="1644" y="259"/>
                  <a:pt x="1641" y="290"/>
                </a:cubicBezTo>
                <a:cubicBezTo>
                  <a:pt x="1464" y="137"/>
                  <a:pt x="1048" y="28"/>
                  <a:pt x="793" y="15"/>
                </a:cubicBezTo>
                <a:cubicBezTo>
                  <a:pt x="792" y="30"/>
                  <a:pt x="792" y="30"/>
                  <a:pt x="792" y="30"/>
                </a:cubicBezTo>
                <a:cubicBezTo>
                  <a:pt x="789" y="21"/>
                  <a:pt x="752" y="1"/>
                  <a:pt x="764" y="23"/>
                </a:cubicBezTo>
                <a:cubicBezTo>
                  <a:pt x="741" y="0"/>
                  <a:pt x="691" y="18"/>
                  <a:pt x="664" y="12"/>
                </a:cubicBezTo>
                <a:cubicBezTo>
                  <a:pt x="740" y="44"/>
                  <a:pt x="845" y="57"/>
                  <a:pt x="923" y="50"/>
                </a:cubicBezTo>
                <a:cubicBezTo>
                  <a:pt x="906" y="65"/>
                  <a:pt x="972" y="81"/>
                  <a:pt x="961" y="61"/>
                </a:cubicBezTo>
                <a:cubicBezTo>
                  <a:pt x="1013" y="96"/>
                  <a:pt x="1062" y="92"/>
                  <a:pt x="1121" y="121"/>
                </a:cubicBezTo>
                <a:cubicBezTo>
                  <a:pt x="1116" y="113"/>
                  <a:pt x="1118" y="108"/>
                  <a:pt x="1129" y="107"/>
                </a:cubicBezTo>
                <a:cubicBezTo>
                  <a:pt x="1142" y="130"/>
                  <a:pt x="1170" y="137"/>
                  <a:pt x="1195" y="135"/>
                </a:cubicBezTo>
                <a:cubicBezTo>
                  <a:pt x="1210" y="135"/>
                  <a:pt x="1203" y="147"/>
                  <a:pt x="1213" y="150"/>
                </a:cubicBezTo>
                <a:cubicBezTo>
                  <a:pt x="1184" y="149"/>
                  <a:pt x="1108" y="163"/>
                  <a:pt x="1162" y="193"/>
                </a:cubicBezTo>
                <a:cubicBezTo>
                  <a:pt x="1175" y="178"/>
                  <a:pt x="1146" y="185"/>
                  <a:pt x="1151" y="175"/>
                </a:cubicBezTo>
                <a:cubicBezTo>
                  <a:pt x="1171" y="158"/>
                  <a:pt x="1202" y="182"/>
                  <a:pt x="1204" y="200"/>
                </a:cubicBezTo>
                <a:cubicBezTo>
                  <a:pt x="1200" y="214"/>
                  <a:pt x="1169" y="182"/>
                  <a:pt x="1170" y="206"/>
                </a:cubicBezTo>
                <a:cubicBezTo>
                  <a:pt x="1215" y="225"/>
                  <a:pt x="1235" y="225"/>
                  <a:pt x="1248" y="250"/>
                </a:cubicBezTo>
                <a:cubicBezTo>
                  <a:pt x="1250" y="249"/>
                  <a:pt x="1251" y="249"/>
                  <a:pt x="1252" y="249"/>
                </a:cubicBezTo>
                <a:cubicBezTo>
                  <a:pt x="1254" y="252"/>
                  <a:pt x="1256" y="254"/>
                  <a:pt x="1261" y="253"/>
                </a:cubicBezTo>
                <a:cubicBezTo>
                  <a:pt x="1271" y="258"/>
                  <a:pt x="1255" y="274"/>
                  <a:pt x="1249" y="269"/>
                </a:cubicBezTo>
                <a:cubicBezTo>
                  <a:pt x="1247" y="276"/>
                  <a:pt x="1262" y="277"/>
                  <a:pt x="1259" y="284"/>
                </a:cubicBezTo>
                <a:cubicBezTo>
                  <a:pt x="1260" y="263"/>
                  <a:pt x="1292" y="262"/>
                  <a:pt x="1303" y="281"/>
                </a:cubicBezTo>
                <a:cubicBezTo>
                  <a:pt x="1304" y="269"/>
                  <a:pt x="1287" y="259"/>
                  <a:pt x="1270" y="248"/>
                </a:cubicBezTo>
                <a:cubicBezTo>
                  <a:pt x="1303" y="252"/>
                  <a:pt x="1345" y="276"/>
                  <a:pt x="1356" y="298"/>
                </a:cubicBezTo>
                <a:cubicBezTo>
                  <a:pt x="1376" y="294"/>
                  <a:pt x="1382" y="290"/>
                  <a:pt x="1396" y="309"/>
                </a:cubicBezTo>
                <a:cubicBezTo>
                  <a:pt x="1393" y="304"/>
                  <a:pt x="1398" y="296"/>
                  <a:pt x="1392" y="292"/>
                </a:cubicBezTo>
                <a:cubicBezTo>
                  <a:pt x="1418" y="286"/>
                  <a:pt x="1428" y="290"/>
                  <a:pt x="1453" y="307"/>
                </a:cubicBezTo>
                <a:cubicBezTo>
                  <a:pt x="1453" y="306"/>
                  <a:pt x="1453" y="305"/>
                  <a:pt x="1453" y="305"/>
                </a:cubicBezTo>
                <a:cubicBezTo>
                  <a:pt x="1455" y="306"/>
                  <a:pt x="1458" y="307"/>
                  <a:pt x="1461" y="308"/>
                </a:cubicBezTo>
                <a:cubicBezTo>
                  <a:pt x="1463" y="307"/>
                  <a:pt x="1459" y="303"/>
                  <a:pt x="1452" y="298"/>
                </a:cubicBezTo>
                <a:cubicBezTo>
                  <a:pt x="1452" y="288"/>
                  <a:pt x="1453" y="281"/>
                  <a:pt x="1466" y="280"/>
                </a:cubicBezTo>
                <a:cubicBezTo>
                  <a:pt x="1461" y="288"/>
                  <a:pt x="1473" y="307"/>
                  <a:pt x="1492" y="297"/>
                </a:cubicBezTo>
                <a:cubicBezTo>
                  <a:pt x="1503" y="319"/>
                  <a:pt x="1511" y="335"/>
                  <a:pt x="1540" y="343"/>
                </a:cubicBezTo>
                <a:cubicBezTo>
                  <a:pt x="1544" y="326"/>
                  <a:pt x="1524" y="315"/>
                  <a:pt x="1507" y="315"/>
                </a:cubicBezTo>
                <a:cubicBezTo>
                  <a:pt x="1510" y="307"/>
                  <a:pt x="1518" y="308"/>
                  <a:pt x="1521" y="299"/>
                </a:cubicBezTo>
                <a:cubicBezTo>
                  <a:pt x="1544" y="320"/>
                  <a:pt x="1547" y="322"/>
                  <a:pt x="1579" y="336"/>
                </a:cubicBezTo>
                <a:cubicBezTo>
                  <a:pt x="1577" y="345"/>
                  <a:pt x="1572" y="344"/>
                  <a:pt x="1566" y="340"/>
                </a:cubicBezTo>
                <a:cubicBezTo>
                  <a:pt x="1567" y="339"/>
                  <a:pt x="1567" y="339"/>
                  <a:pt x="1565" y="340"/>
                </a:cubicBezTo>
                <a:cubicBezTo>
                  <a:pt x="1560" y="337"/>
                  <a:pt x="1555" y="333"/>
                  <a:pt x="1551" y="332"/>
                </a:cubicBezTo>
                <a:cubicBezTo>
                  <a:pt x="1547" y="337"/>
                  <a:pt x="1550" y="341"/>
                  <a:pt x="1554" y="344"/>
                </a:cubicBezTo>
                <a:cubicBezTo>
                  <a:pt x="1553" y="344"/>
                  <a:pt x="1551" y="345"/>
                  <a:pt x="1549" y="345"/>
                </a:cubicBezTo>
                <a:cubicBezTo>
                  <a:pt x="1553" y="352"/>
                  <a:pt x="1557" y="356"/>
                  <a:pt x="1561" y="359"/>
                </a:cubicBezTo>
                <a:cubicBezTo>
                  <a:pt x="1560" y="359"/>
                  <a:pt x="1560" y="359"/>
                  <a:pt x="1560" y="360"/>
                </a:cubicBezTo>
                <a:cubicBezTo>
                  <a:pt x="1560" y="360"/>
                  <a:pt x="1561" y="359"/>
                  <a:pt x="1561" y="359"/>
                </a:cubicBezTo>
                <a:cubicBezTo>
                  <a:pt x="1569" y="366"/>
                  <a:pt x="1579" y="369"/>
                  <a:pt x="1589" y="381"/>
                </a:cubicBezTo>
                <a:cubicBezTo>
                  <a:pt x="1593" y="363"/>
                  <a:pt x="1577" y="364"/>
                  <a:pt x="1568" y="357"/>
                </a:cubicBezTo>
                <a:cubicBezTo>
                  <a:pt x="1579" y="352"/>
                  <a:pt x="1587" y="339"/>
                  <a:pt x="1602" y="348"/>
                </a:cubicBezTo>
                <a:cubicBezTo>
                  <a:pt x="1595" y="371"/>
                  <a:pt x="1600" y="351"/>
                  <a:pt x="1627" y="368"/>
                </a:cubicBezTo>
                <a:cubicBezTo>
                  <a:pt x="1621" y="370"/>
                  <a:pt x="1615" y="370"/>
                  <a:pt x="1608" y="369"/>
                </a:cubicBezTo>
                <a:cubicBezTo>
                  <a:pt x="1629" y="376"/>
                  <a:pt x="1663" y="388"/>
                  <a:pt x="1693" y="401"/>
                </a:cubicBezTo>
                <a:cubicBezTo>
                  <a:pt x="1694" y="428"/>
                  <a:pt x="1712" y="407"/>
                  <a:pt x="1691" y="394"/>
                </a:cubicBezTo>
                <a:cubicBezTo>
                  <a:pt x="1694" y="391"/>
                  <a:pt x="1698" y="393"/>
                  <a:pt x="1701" y="388"/>
                </a:cubicBezTo>
                <a:cubicBezTo>
                  <a:pt x="1723" y="391"/>
                  <a:pt x="1725" y="406"/>
                  <a:pt x="1744" y="399"/>
                </a:cubicBezTo>
                <a:cubicBezTo>
                  <a:pt x="1753" y="412"/>
                  <a:pt x="1730" y="421"/>
                  <a:pt x="1720" y="407"/>
                </a:cubicBezTo>
                <a:cubicBezTo>
                  <a:pt x="1719" y="427"/>
                  <a:pt x="1761" y="418"/>
                  <a:pt x="1742" y="440"/>
                </a:cubicBezTo>
                <a:cubicBezTo>
                  <a:pt x="1751" y="442"/>
                  <a:pt x="1777" y="434"/>
                  <a:pt x="1778" y="452"/>
                </a:cubicBezTo>
                <a:cubicBezTo>
                  <a:pt x="1792" y="459"/>
                  <a:pt x="1780" y="441"/>
                  <a:pt x="1789" y="436"/>
                </a:cubicBezTo>
                <a:cubicBezTo>
                  <a:pt x="1803" y="446"/>
                  <a:pt x="1787" y="461"/>
                  <a:pt x="1803" y="470"/>
                </a:cubicBezTo>
                <a:cubicBezTo>
                  <a:pt x="1805" y="458"/>
                  <a:pt x="1799" y="447"/>
                  <a:pt x="1804" y="434"/>
                </a:cubicBezTo>
                <a:cubicBezTo>
                  <a:pt x="1820" y="444"/>
                  <a:pt x="1811" y="457"/>
                  <a:pt x="1825" y="468"/>
                </a:cubicBezTo>
                <a:cubicBezTo>
                  <a:pt x="1831" y="460"/>
                  <a:pt x="1840" y="471"/>
                  <a:pt x="1845" y="458"/>
                </a:cubicBezTo>
                <a:cubicBezTo>
                  <a:pt x="1821" y="460"/>
                  <a:pt x="1824" y="447"/>
                  <a:pt x="1814" y="429"/>
                </a:cubicBezTo>
                <a:cubicBezTo>
                  <a:pt x="1827" y="424"/>
                  <a:pt x="1876" y="461"/>
                  <a:pt x="1875" y="480"/>
                </a:cubicBezTo>
                <a:cubicBezTo>
                  <a:pt x="1887" y="480"/>
                  <a:pt x="1900" y="502"/>
                  <a:pt x="1909" y="488"/>
                </a:cubicBezTo>
                <a:close/>
                <a:moveTo>
                  <a:pt x="1051" y="247"/>
                </a:moveTo>
                <a:cubicBezTo>
                  <a:pt x="1188" y="289"/>
                  <a:pt x="1265" y="311"/>
                  <a:pt x="1412" y="379"/>
                </a:cubicBezTo>
                <a:cubicBezTo>
                  <a:pt x="1425" y="382"/>
                  <a:pt x="1415" y="392"/>
                  <a:pt x="1418" y="399"/>
                </a:cubicBezTo>
                <a:cubicBezTo>
                  <a:pt x="1424" y="392"/>
                  <a:pt x="1437" y="409"/>
                  <a:pt x="1443" y="400"/>
                </a:cubicBezTo>
                <a:cubicBezTo>
                  <a:pt x="1447" y="407"/>
                  <a:pt x="1452" y="414"/>
                  <a:pt x="1446" y="424"/>
                </a:cubicBezTo>
                <a:cubicBezTo>
                  <a:pt x="1454" y="432"/>
                  <a:pt x="1473" y="435"/>
                  <a:pt x="1478" y="444"/>
                </a:cubicBezTo>
                <a:cubicBezTo>
                  <a:pt x="1467" y="406"/>
                  <a:pt x="1410" y="355"/>
                  <a:pt x="1374" y="339"/>
                </a:cubicBezTo>
                <a:cubicBezTo>
                  <a:pt x="1370" y="336"/>
                  <a:pt x="1374" y="329"/>
                  <a:pt x="1376" y="323"/>
                </a:cubicBezTo>
                <a:cubicBezTo>
                  <a:pt x="1362" y="324"/>
                  <a:pt x="1358" y="326"/>
                  <a:pt x="1357" y="342"/>
                </a:cubicBezTo>
                <a:cubicBezTo>
                  <a:pt x="1339" y="334"/>
                  <a:pt x="1341" y="326"/>
                  <a:pt x="1325" y="333"/>
                </a:cubicBezTo>
                <a:cubicBezTo>
                  <a:pt x="1321" y="328"/>
                  <a:pt x="1319" y="323"/>
                  <a:pt x="1323" y="315"/>
                </a:cubicBezTo>
                <a:cubicBezTo>
                  <a:pt x="1237" y="287"/>
                  <a:pt x="1164" y="250"/>
                  <a:pt x="1091" y="212"/>
                </a:cubicBezTo>
                <a:cubicBezTo>
                  <a:pt x="1101" y="231"/>
                  <a:pt x="1073" y="215"/>
                  <a:pt x="1074" y="238"/>
                </a:cubicBezTo>
                <a:cubicBezTo>
                  <a:pt x="1071" y="235"/>
                  <a:pt x="1068" y="231"/>
                  <a:pt x="1061" y="229"/>
                </a:cubicBezTo>
                <a:cubicBezTo>
                  <a:pt x="1066" y="221"/>
                  <a:pt x="1080" y="231"/>
                  <a:pt x="1081" y="214"/>
                </a:cubicBezTo>
                <a:cubicBezTo>
                  <a:pt x="1056" y="216"/>
                  <a:pt x="1047" y="209"/>
                  <a:pt x="1031" y="231"/>
                </a:cubicBezTo>
                <a:cubicBezTo>
                  <a:pt x="1034" y="247"/>
                  <a:pt x="1062" y="216"/>
                  <a:pt x="1051" y="247"/>
                </a:cubicBezTo>
                <a:close/>
                <a:moveTo>
                  <a:pt x="960" y="125"/>
                </a:moveTo>
                <a:cubicBezTo>
                  <a:pt x="926" y="114"/>
                  <a:pt x="911" y="118"/>
                  <a:pt x="898" y="96"/>
                </a:cubicBezTo>
                <a:cubicBezTo>
                  <a:pt x="883" y="93"/>
                  <a:pt x="880" y="106"/>
                  <a:pt x="865" y="103"/>
                </a:cubicBezTo>
                <a:cubicBezTo>
                  <a:pt x="877" y="109"/>
                  <a:pt x="887" y="127"/>
                  <a:pt x="906" y="122"/>
                </a:cubicBezTo>
                <a:cubicBezTo>
                  <a:pt x="905" y="131"/>
                  <a:pt x="898" y="132"/>
                  <a:pt x="898" y="141"/>
                </a:cubicBezTo>
                <a:cubicBezTo>
                  <a:pt x="918" y="143"/>
                  <a:pt x="919" y="137"/>
                  <a:pt x="935" y="147"/>
                </a:cubicBezTo>
                <a:cubicBezTo>
                  <a:pt x="932" y="152"/>
                  <a:pt x="927" y="156"/>
                  <a:pt x="918" y="154"/>
                </a:cubicBezTo>
                <a:cubicBezTo>
                  <a:pt x="924" y="170"/>
                  <a:pt x="934" y="159"/>
                  <a:pt x="941" y="178"/>
                </a:cubicBezTo>
                <a:cubicBezTo>
                  <a:pt x="953" y="178"/>
                  <a:pt x="944" y="156"/>
                  <a:pt x="940" y="152"/>
                </a:cubicBezTo>
                <a:cubicBezTo>
                  <a:pt x="948" y="148"/>
                  <a:pt x="954" y="140"/>
                  <a:pt x="968" y="141"/>
                </a:cubicBezTo>
                <a:cubicBezTo>
                  <a:pt x="965" y="136"/>
                  <a:pt x="957" y="134"/>
                  <a:pt x="960" y="125"/>
                </a:cubicBezTo>
                <a:close/>
                <a:moveTo>
                  <a:pt x="1359" y="298"/>
                </a:moveTo>
                <a:cubicBezTo>
                  <a:pt x="1347" y="303"/>
                  <a:pt x="1348" y="294"/>
                  <a:pt x="1337" y="288"/>
                </a:cubicBezTo>
                <a:cubicBezTo>
                  <a:pt x="1337" y="289"/>
                  <a:pt x="1337" y="289"/>
                  <a:pt x="1337" y="289"/>
                </a:cubicBezTo>
                <a:cubicBezTo>
                  <a:pt x="1329" y="286"/>
                  <a:pt x="1319" y="285"/>
                  <a:pt x="1315" y="281"/>
                </a:cubicBezTo>
                <a:cubicBezTo>
                  <a:pt x="1310" y="292"/>
                  <a:pt x="1324" y="296"/>
                  <a:pt x="1335" y="301"/>
                </a:cubicBezTo>
                <a:cubicBezTo>
                  <a:pt x="1340" y="310"/>
                  <a:pt x="1356" y="313"/>
                  <a:pt x="1359" y="298"/>
                </a:cubicBezTo>
                <a:close/>
                <a:moveTo>
                  <a:pt x="855" y="269"/>
                </a:moveTo>
                <a:cubicBezTo>
                  <a:pt x="857" y="259"/>
                  <a:pt x="857" y="259"/>
                  <a:pt x="857" y="259"/>
                </a:cubicBezTo>
                <a:cubicBezTo>
                  <a:pt x="846" y="280"/>
                  <a:pt x="802" y="249"/>
                  <a:pt x="801" y="285"/>
                </a:cubicBezTo>
                <a:cubicBezTo>
                  <a:pt x="810" y="288"/>
                  <a:pt x="810" y="279"/>
                  <a:pt x="812" y="271"/>
                </a:cubicBezTo>
                <a:cubicBezTo>
                  <a:pt x="832" y="270"/>
                  <a:pt x="847" y="275"/>
                  <a:pt x="858" y="274"/>
                </a:cubicBezTo>
                <a:cubicBezTo>
                  <a:pt x="860" y="270"/>
                  <a:pt x="857" y="270"/>
                  <a:pt x="855" y="269"/>
                </a:cubicBezTo>
                <a:close/>
                <a:moveTo>
                  <a:pt x="1259" y="341"/>
                </a:moveTo>
                <a:cubicBezTo>
                  <a:pt x="1248" y="356"/>
                  <a:pt x="1278" y="359"/>
                  <a:pt x="1282" y="356"/>
                </a:cubicBezTo>
                <a:cubicBezTo>
                  <a:pt x="1278" y="345"/>
                  <a:pt x="1271" y="352"/>
                  <a:pt x="1259" y="341"/>
                </a:cubicBezTo>
                <a:close/>
                <a:moveTo>
                  <a:pt x="1538" y="431"/>
                </a:moveTo>
                <a:cubicBezTo>
                  <a:pt x="1534" y="415"/>
                  <a:pt x="1552" y="417"/>
                  <a:pt x="1561" y="410"/>
                </a:cubicBezTo>
                <a:cubicBezTo>
                  <a:pt x="1553" y="401"/>
                  <a:pt x="1532" y="393"/>
                  <a:pt x="1521" y="404"/>
                </a:cubicBezTo>
                <a:cubicBezTo>
                  <a:pt x="1517" y="397"/>
                  <a:pt x="1526" y="398"/>
                  <a:pt x="1527" y="384"/>
                </a:cubicBezTo>
                <a:cubicBezTo>
                  <a:pt x="1518" y="387"/>
                  <a:pt x="1505" y="379"/>
                  <a:pt x="1503" y="370"/>
                </a:cubicBezTo>
                <a:cubicBezTo>
                  <a:pt x="1492" y="372"/>
                  <a:pt x="1515" y="387"/>
                  <a:pt x="1495" y="395"/>
                </a:cubicBezTo>
                <a:cubicBezTo>
                  <a:pt x="1506" y="408"/>
                  <a:pt x="1515" y="422"/>
                  <a:pt x="1538" y="431"/>
                </a:cubicBezTo>
                <a:close/>
                <a:moveTo>
                  <a:pt x="640" y="4185"/>
                </a:moveTo>
                <a:cubicBezTo>
                  <a:pt x="642" y="4189"/>
                  <a:pt x="645" y="4193"/>
                  <a:pt x="645" y="4200"/>
                </a:cubicBezTo>
                <a:cubicBezTo>
                  <a:pt x="652" y="4195"/>
                  <a:pt x="655" y="4187"/>
                  <a:pt x="660" y="4180"/>
                </a:cubicBezTo>
                <a:cubicBezTo>
                  <a:pt x="672" y="4194"/>
                  <a:pt x="695" y="4195"/>
                  <a:pt x="707" y="4209"/>
                </a:cubicBezTo>
                <a:cubicBezTo>
                  <a:pt x="718" y="4208"/>
                  <a:pt x="717" y="4196"/>
                  <a:pt x="716" y="4184"/>
                </a:cubicBezTo>
                <a:cubicBezTo>
                  <a:pt x="723" y="4189"/>
                  <a:pt x="727" y="4188"/>
                  <a:pt x="726" y="4179"/>
                </a:cubicBezTo>
                <a:cubicBezTo>
                  <a:pt x="742" y="4192"/>
                  <a:pt x="754" y="4180"/>
                  <a:pt x="773" y="4192"/>
                </a:cubicBezTo>
                <a:cubicBezTo>
                  <a:pt x="783" y="4180"/>
                  <a:pt x="787" y="4164"/>
                  <a:pt x="812" y="4164"/>
                </a:cubicBezTo>
                <a:cubicBezTo>
                  <a:pt x="775" y="4157"/>
                  <a:pt x="741" y="4175"/>
                  <a:pt x="721" y="4164"/>
                </a:cubicBezTo>
                <a:cubicBezTo>
                  <a:pt x="682" y="4212"/>
                  <a:pt x="694" y="4173"/>
                  <a:pt x="650" y="4170"/>
                </a:cubicBezTo>
                <a:cubicBezTo>
                  <a:pt x="652" y="4180"/>
                  <a:pt x="649" y="4186"/>
                  <a:pt x="640" y="4185"/>
                </a:cubicBezTo>
                <a:close/>
                <a:moveTo>
                  <a:pt x="324" y="2250"/>
                </a:moveTo>
                <a:cubicBezTo>
                  <a:pt x="312" y="2263"/>
                  <a:pt x="313" y="2259"/>
                  <a:pt x="317" y="2270"/>
                </a:cubicBezTo>
                <a:cubicBezTo>
                  <a:pt x="332" y="2258"/>
                  <a:pt x="325" y="2255"/>
                  <a:pt x="324" y="2250"/>
                </a:cubicBezTo>
                <a:close/>
                <a:moveTo>
                  <a:pt x="329" y="2271"/>
                </a:moveTo>
                <a:cubicBezTo>
                  <a:pt x="323" y="2272"/>
                  <a:pt x="326" y="2269"/>
                  <a:pt x="325" y="2266"/>
                </a:cubicBezTo>
                <a:cubicBezTo>
                  <a:pt x="322" y="2269"/>
                  <a:pt x="310" y="2283"/>
                  <a:pt x="329" y="2271"/>
                </a:cubicBezTo>
                <a:close/>
                <a:moveTo>
                  <a:pt x="325" y="2241"/>
                </a:moveTo>
                <a:cubicBezTo>
                  <a:pt x="318" y="2245"/>
                  <a:pt x="310" y="2255"/>
                  <a:pt x="327" y="2245"/>
                </a:cubicBezTo>
                <a:cubicBezTo>
                  <a:pt x="320" y="2246"/>
                  <a:pt x="325" y="2244"/>
                  <a:pt x="325" y="2241"/>
                </a:cubicBezTo>
                <a:close/>
                <a:moveTo>
                  <a:pt x="327" y="2289"/>
                </a:moveTo>
                <a:cubicBezTo>
                  <a:pt x="337" y="2278"/>
                  <a:pt x="345" y="2264"/>
                  <a:pt x="313" y="2284"/>
                </a:cubicBezTo>
                <a:cubicBezTo>
                  <a:pt x="332" y="2274"/>
                  <a:pt x="324" y="2285"/>
                  <a:pt x="327" y="2289"/>
                </a:cubicBezTo>
                <a:close/>
                <a:moveTo>
                  <a:pt x="135" y="3088"/>
                </a:moveTo>
                <a:cubicBezTo>
                  <a:pt x="125" y="3104"/>
                  <a:pt x="145" y="3105"/>
                  <a:pt x="148" y="3089"/>
                </a:cubicBezTo>
                <a:cubicBezTo>
                  <a:pt x="144" y="3091"/>
                  <a:pt x="140" y="3092"/>
                  <a:pt x="135" y="3088"/>
                </a:cubicBezTo>
                <a:close/>
                <a:moveTo>
                  <a:pt x="370" y="3147"/>
                </a:moveTo>
                <a:cubicBezTo>
                  <a:pt x="364" y="3142"/>
                  <a:pt x="354" y="3135"/>
                  <a:pt x="344" y="3140"/>
                </a:cubicBezTo>
                <a:cubicBezTo>
                  <a:pt x="349" y="3146"/>
                  <a:pt x="359" y="3148"/>
                  <a:pt x="370" y="3147"/>
                </a:cubicBezTo>
                <a:close/>
                <a:moveTo>
                  <a:pt x="279" y="2343"/>
                </a:moveTo>
                <a:cubicBezTo>
                  <a:pt x="265" y="2354"/>
                  <a:pt x="298" y="2338"/>
                  <a:pt x="294" y="2331"/>
                </a:cubicBezTo>
                <a:cubicBezTo>
                  <a:pt x="290" y="2334"/>
                  <a:pt x="287" y="2336"/>
                  <a:pt x="286" y="2336"/>
                </a:cubicBezTo>
                <a:cubicBezTo>
                  <a:pt x="282" y="2339"/>
                  <a:pt x="281" y="2343"/>
                  <a:pt x="279" y="2343"/>
                </a:cubicBezTo>
                <a:close/>
                <a:moveTo>
                  <a:pt x="269" y="2664"/>
                </a:moveTo>
                <a:cubicBezTo>
                  <a:pt x="269" y="2668"/>
                  <a:pt x="265" y="2675"/>
                  <a:pt x="268" y="2675"/>
                </a:cubicBezTo>
                <a:cubicBezTo>
                  <a:pt x="267" y="2676"/>
                  <a:pt x="265" y="2677"/>
                  <a:pt x="264" y="2679"/>
                </a:cubicBezTo>
                <a:cubicBezTo>
                  <a:pt x="261" y="2693"/>
                  <a:pt x="281" y="2670"/>
                  <a:pt x="277" y="2687"/>
                </a:cubicBezTo>
                <a:cubicBezTo>
                  <a:pt x="286" y="2669"/>
                  <a:pt x="277" y="2668"/>
                  <a:pt x="269" y="2675"/>
                </a:cubicBezTo>
                <a:cubicBezTo>
                  <a:pt x="276" y="2668"/>
                  <a:pt x="273" y="2666"/>
                  <a:pt x="277" y="2657"/>
                </a:cubicBezTo>
                <a:cubicBezTo>
                  <a:pt x="272" y="2660"/>
                  <a:pt x="270" y="2653"/>
                  <a:pt x="263" y="2666"/>
                </a:cubicBezTo>
                <a:cubicBezTo>
                  <a:pt x="265" y="2665"/>
                  <a:pt x="268" y="2663"/>
                  <a:pt x="269" y="2664"/>
                </a:cubicBezTo>
                <a:close/>
                <a:moveTo>
                  <a:pt x="260" y="2665"/>
                </a:moveTo>
                <a:cubicBezTo>
                  <a:pt x="268" y="2654"/>
                  <a:pt x="256" y="2652"/>
                  <a:pt x="267" y="2645"/>
                </a:cubicBezTo>
                <a:cubicBezTo>
                  <a:pt x="272" y="2634"/>
                  <a:pt x="258" y="2648"/>
                  <a:pt x="256" y="2643"/>
                </a:cubicBezTo>
                <a:cubicBezTo>
                  <a:pt x="247" y="2659"/>
                  <a:pt x="256" y="2660"/>
                  <a:pt x="260" y="2665"/>
                </a:cubicBezTo>
                <a:close/>
                <a:moveTo>
                  <a:pt x="191" y="2026"/>
                </a:moveTo>
                <a:cubicBezTo>
                  <a:pt x="196" y="2028"/>
                  <a:pt x="200" y="2030"/>
                  <a:pt x="205" y="2031"/>
                </a:cubicBezTo>
                <a:cubicBezTo>
                  <a:pt x="209" y="2038"/>
                  <a:pt x="188" y="2032"/>
                  <a:pt x="192" y="2038"/>
                </a:cubicBezTo>
                <a:cubicBezTo>
                  <a:pt x="220" y="2044"/>
                  <a:pt x="213" y="2037"/>
                  <a:pt x="203" y="2025"/>
                </a:cubicBezTo>
                <a:cubicBezTo>
                  <a:pt x="197" y="2021"/>
                  <a:pt x="197" y="2028"/>
                  <a:pt x="191" y="2026"/>
                </a:cubicBezTo>
                <a:close/>
                <a:moveTo>
                  <a:pt x="1608" y="3700"/>
                </a:moveTo>
                <a:cubicBezTo>
                  <a:pt x="1594" y="3683"/>
                  <a:pt x="1615" y="3674"/>
                  <a:pt x="1629" y="3663"/>
                </a:cubicBezTo>
                <a:cubicBezTo>
                  <a:pt x="1619" y="3645"/>
                  <a:pt x="1601" y="3675"/>
                  <a:pt x="1588" y="3678"/>
                </a:cubicBezTo>
                <a:cubicBezTo>
                  <a:pt x="1586" y="3684"/>
                  <a:pt x="1597" y="3694"/>
                  <a:pt x="1584" y="3698"/>
                </a:cubicBezTo>
                <a:cubicBezTo>
                  <a:pt x="1592" y="3697"/>
                  <a:pt x="1598" y="3708"/>
                  <a:pt x="1608" y="3700"/>
                </a:cubicBezTo>
                <a:close/>
                <a:moveTo>
                  <a:pt x="274" y="2209"/>
                </a:moveTo>
                <a:cubicBezTo>
                  <a:pt x="295" y="2199"/>
                  <a:pt x="272" y="2202"/>
                  <a:pt x="281" y="2195"/>
                </a:cubicBezTo>
                <a:cubicBezTo>
                  <a:pt x="257" y="2205"/>
                  <a:pt x="267" y="2206"/>
                  <a:pt x="274" y="2209"/>
                </a:cubicBezTo>
                <a:close/>
                <a:moveTo>
                  <a:pt x="214" y="2132"/>
                </a:moveTo>
                <a:cubicBezTo>
                  <a:pt x="207" y="2130"/>
                  <a:pt x="206" y="2136"/>
                  <a:pt x="214" y="2136"/>
                </a:cubicBezTo>
                <a:cubicBezTo>
                  <a:pt x="235" y="2134"/>
                  <a:pt x="209" y="2135"/>
                  <a:pt x="214" y="2132"/>
                </a:cubicBezTo>
                <a:close/>
                <a:moveTo>
                  <a:pt x="198" y="2048"/>
                </a:moveTo>
                <a:cubicBezTo>
                  <a:pt x="177" y="2045"/>
                  <a:pt x="193" y="2054"/>
                  <a:pt x="199" y="2057"/>
                </a:cubicBezTo>
                <a:cubicBezTo>
                  <a:pt x="210" y="2058"/>
                  <a:pt x="192" y="2050"/>
                  <a:pt x="198" y="2048"/>
                </a:cubicBezTo>
                <a:close/>
                <a:moveTo>
                  <a:pt x="139" y="1570"/>
                </a:moveTo>
                <a:cubicBezTo>
                  <a:pt x="148" y="1557"/>
                  <a:pt x="142" y="1510"/>
                  <a:pt x="164" y="1504"/>
                </a:cubicBezTo>
                <a:cubicBezTo>
                  <a:pt x="127" y="1488"/>
                  <a:pt x="129" y="1543"/>
                  <a:pt x="139" y="1570"/>
                </a:cubicBezTo>
                <a:close/>
                <a:moveTo>
                  <a:pt x="256" y="2196"/>
                </a:moveTo>
                <a:cubicBezTo>
                  <a:pt x="280" y="2187"/>
                  <a:pt x="253" y="2189"/>
                  <a:pt x="246" y="2194"/>
                </a:cubicBezTo>
                <a:cubicBezTo>
                  <a:pt x="257" y="2192"/>
                  <a:pt x="262" y="2191"/>
                  <a:pt x="256" y="2196"/>
                </a:cubicBezTo>
                <a:close/>
                <a:moveTo>
                  <a:pt x="437" y="1829"/>
                </a:moveTo>
                <a:cubicBezTo>
                  <a:pt x="436" y="1837"/>
                  <a:pt x="444" y="1824"/>
                  <a:pt x="440" y="1804"/>
                </a:cubicBezTo>
                <a:cubicBezTo>
                  <a:pt x="436" y="1802"/>
                  <a:pt x="440" y="1825"/>
                  <a:pt x="437" y="1829"/>
                </a:cubicBezTo>
                <a:close/>
                <a:moveTo>
                  <a:pt x="324" y="1696"/>
                </a:moveTo>
                <a:cubicBezTo>
                  <a:pt x="320" y="1684"/>
                  <a:pt x="316" y="1681"/>
                  <a:pt x="311" y="1679"/>
                </a:cubicBezTo>
                <a:cubicBezTo>
                  <a:pt x="316" y="1693"/>
                  <a:pt x="312" y="1696"/>
                  <a:pt x="320" y="1707"/>
                </a:cubicBezTo>
                <a:cubicBezTo>
                  <a:pt x="324" y="1709"/>
                  <a:pt x="318" y="1692"/>
                  <a:pt x="324" y="1696"/>
                </a:cubicBezTo>
                <a:close/>
                <a:moveTo>
                  <a:pt x="310" y="1648"/>
                </a:moveTo>
                <a:cubicBezTo>
                  <a:pt x="314" y="1665"/>
                  <a:pt x="317" y="1654"/>
                  <a:pt x="320" y="1656"/>
                </a:cubicBezTo>
                <a:cubicBezTo>
                  <a:pt x="316" y="1641"/>
                  <a:pt x="316" y="1641"/>
                  <a:pt x="316" y="1641"/>
                </a:cubicBezTo>
                <a:cubicBezTo>
                  <a:pt x="314" y="1645"/>
                  <a:pt x="307" y="1638"/>
                  <a:pt x="310" y="1648"/>
                </a:cubicBezTo>
                <a:close/>
                <a:moveTo>
                  <a:pt x="255" y="3822"/>
                </a:moveTo>
                <a:cubicBezTo>
                  <a:pt x="235" y="3827"/>
                  <a:pt x="277" y="3848"/>
                  <a:pt x="274" y="3827"/>
                </a:cubicBezTo>
                <a:cubicBezTo>
                  <a:pt x="266" y="3818"/>
                  <a:pt x="255" y="3837"/>
                  <a:pt x="255" y="3822"/>
                </a:cubicBezTo>
                <a:close/>
                <a:moveTo>
                  <a:pt x="340" y="3839"/>
                </a:moveTo>
                <a:cubicBezTo>
                  <a:pt x="342" y="3851"/>
                  <a:pt x="364" y="3856"/>
                  <a:pt x="374" y="3855"/>
                </a:cubicBezTo>
                <a:cubicBezTo>
                  <a:pt x="368" y="3846"/>
                  <a:pt x="351" y="3846"/>
                  <a:pt x="340" y="3839"/>
                </a:cubicBezTo>
                <a:close/>
                <a:moveTo>
                  <a:pt x="164" y="4154"/>
                </a:moveTo>
                <a:cubicBezTo>
                  <a:pt x="165" y="4161"/>
                  <a:pt x="172" y="4165"/>
                  <a:pt x="180" y="4168"/>
                </a:cubicBezTo>
                <a:cubicBezTo>
                  <a:pt x="182" y="4159"/>
                  <a:pt x="188" y="4159"/>
                  <a:pt x="189" y="4149"/>
                </a:cubicBezTo>
                <a:cubicBezTo>
                  <a:pt x="185" y="4148"/>
                  <a:pt x="180" y="4147"/>
                  <a:pt x="175" y="4146"/>
                </a:cubicBezTo>
                <a:cubicBezTo>
                  <a:pt x="180" y="4156"/>
                  <a:pt x="177" y="4158"/>
                  <a:pt x="164" y="4154"/>
                </a:cubicBezTo>
                <a:close/>
                <a:moveTo>
                  <a:pt x="313" y="3835"/>
                </a:moveTo>
                <a:cubicBezTo>
                  <a:pt x="300" y="3839"/>
                  <a:pt x="299" y="3830"/>
                  <a:pt x="282" y="3829"/>
                </a:cubicBezTo>
                <a:cubicBezTo>
                  <a:pt x="277" y="3841"/>
                  <a:pt x="312" y="3853"/>
                  <a:pt x="313" y="3835"/>
                </a:cubicBezTo>
                <a:close/>
                <a:moveTo>
                  <a:pt x="170" y="2013"/>
                </a:moveTo>
                <a:cubicBezTo>
                  <a:pt x="189" y="2021"/>
                  <a:pt x="181" y="2013"/>
                  <a:pt x="182" y="2012"/>
                </a:cubicBezTo>
                <a:cubicBezTo>
                  <a:pt x="168" y="2006"/>
                  <a:pt x="173" y="2012"/>
                  <a:pt x="170" y="2013"/>
                </a:cubicBezTo>
                <a:close/>
                <a:moveTo>
                  <a:pt x="63" y="3139"/>
                </a:moveTo>
                <a:cubicBezTo>
                  <a:pt x="56" y="3152"/>
                  <a:pt x="60" y="3159"/>
                  <a:pt x="61" y="3167"/>
                </a:cubicBezTo>
                <a:cubicBezTo>
                  <a:pt x="101" y="3173"/>
                  <a:pt x="56" y="3168"/>
                  <a:pt x="63" y="3139"/>
                </a:cubicBezTo>
                <a:close/>
                <a:moveTo>
                  <a:pt x="220" y="3752"/>
                </a:moveTo>
                <a:cubicBezTo>
                  <a:pt x="223" y="3761"/>
                  <a:pt x="232" y="3766"/>
                  <a:pt x="243" y="3768"/>
                </a:cubicBezTo>
                <a:cubicBezTo>
                  <a:pt x="251" y="3750"/>
                  <a:pt x="227" y="3757"/>
                  <a:pt x="220" y="3752"/>
                </a:cubicBezTo>
                <a:close/>
                <a:moveTo>
                  <a:pt x="480" y="3145"/>
                </a:moveTo>
                <a:cubicBezTo>
                  <a:pt x="481" y="3136"/>
                  <a:pt x="481" y="3136"/>
                  <a:pt x="481" y="3136"/>
                </a:cubicBezTo>
                <a:cubicBezTo>
                  <a:pt x="476" y="3133"/>
                  <a:pt x="466" y="3149"/>
                  <a:pt x="466" y="3138"/>
                </a:cubicBezTo>
                <a:cubicBezTo>
                  <a:pt x="456" y="3150"/>
                  <a:pt x="476" y="3149"/>
                  <a:pt x="481" y="3151"/>
                </a:cubicBezTo>
                <a:cubicBezTo>
                  <a:pt x="482" y="3147"/>
                  <a:pt x="481" y="3146"/>
                  <a:pt x="480" y="3145"/>
                </a:cubicBezTo>
                <a:close/>
                <a:moveTo>
                  <a:pt x="94" y="4066"/>
                </a:moveTo>
                <a:cubicBezTo>
                  <a:pt x="84" y="4081"/>
                  <a:pt x="89" y="4077"/>
                  <a:pt x="79" y="4092"/>
                </a:cubicBezTo>
                <a:cubicBezTo>
                  <a:pt x="115" y="4112"/>
                  <a:pt x="113" y="4102"/>
                  <a:pt x="162" y="4120"/>
                </a:cubicBezTo>
                <a:cubicBezTo>
                  <a:pt x="153" y="4099"/>
                  <a:pt x="190" y="4120"/>
                  <a:pt x="190" y="4112"/>
                </a:cubicBezTo>
                <a:cubicBezTo>
                  <a:pt x="182" y="4131"/>
                  <a:pt x="202" y="4133"/>
                  <a:pt x="217" y="4120"/>
                </a:cubicBezTo>
                <a:cubicBezTo>
                  <a:pt x="229" y="4129"/>
                  <a:pt x="207" y="4131"/>
                  <a:pt x="217" y="4141"/>
                </a:cubicBezTo>
                <a:cubicBezTo>
                  <a:pt x="236" y="4134"/>
                  <a:pt x="269" y="4163"/>
                  <a:pt x="267" y="4139"/>
                </a:cubicBezTo>
                <a:cubicBezTo>
                  <a:pt x="273" y="4141"/>
                  <a:pt x="276" y="4140"/>
                  <a:pt x="278" y="4137"/>
                </a:cubicBezTo>
                <a:cubicBezTo>
                  <a:pt x="288" y="4145"/>
                  <a:pt x="263" y="4156"/>
                  <a:pt x="287" y="4160"/>
                </a:cubicBezTo>
                <a:cubicBezTo>
                  <a:pt x="275" y="4139"/>
                  <a:pt x="302" y="4150"/>
                  <a:pt x="311" y="4145"/>
                </a:cubicBezTo>
                <a:cubicBezTo>
                  <a:pt x="293" y="4111"/>
                  <a:pt x="227" y="4116"/>
                  <a:pt x="200" y="4094"/>
                </a:cubicBezTo>
                <a:cubicBezTo>
                  <a:pt x="192" y="4097"/>
                  <a:pt x="187" y="4104"/>
                  <a:pt x="180" y="4109"/>
                </a:cubicBezTo>
                <a:cubicBezTo>
                  <a:pt x="175" y="4107"/>
                  <a:pt x="179" y="4100"/>
                  <a:pt x="180" y="4094"/>
                </a:cubicBezTo>
                <a:cubicBezTo>
                  <a:pt x="151" y="4083"/>
                  <a:pt x="120" y="4110"/>
                  <a:pt x="98" y="4083"/>
                </a:cubicBezTo>
                <a:cubicBezTo>
                  <a:pt x="103" y="4073"/>
                  <a:pt x="121" y="4092"/>
                  <a:pt x="128" y="4083"/>
                </a:cubicBezTo>
                <a:cubicBezTo>
                  <a:pt x="119" y="4070"/>
                  <a:pt x="108" y="4082"/>
                  <a:pt x="94" y="4066"/>
                </a:cubicBezTo>
                <a:close/>
                <a:moveTo>
                  <a:pt x="81" y="3250"/>
                </a:moveTo>
                <a:cubicBezTo>
                  <a:pt x="75" y="3253"/>
                  <a:pt x="70" y="3259"/>
                  <a:pt x="64" y="3258"/>
                </a:cubicBezTo>
                <a:cubicBezTo>
                  <a:pt x="63" y="3268"/>
                  <a:pt x="82" y="3257"/>
                  <a:pt x="89" y="3265"/>
                </a:cubicBezTo>
                <a:cubicBezTo>
                  <a:pt x="96" y="3253"/>
                  <a:pt x="73" y="3262"/>
                  <a:pt x="81" y="3250"/>
                </a:cubicBezTo>
                <a:close/>
                <a:moveTo>
                  <a:pt x="0" y="3287"/>
                </a:moveTo>
                <a:cubicBezTo>
                  <a:pt x="11" y="3288"/>
                  <a:pt x="22" y="3289"/>
                  <a:pt x="33" y="3288"/>
                </a:cubicBezTo>
                <a:cubicBezTo>
                  <a:pt x="35" y="3270"/>
                  <a:pt x="5" y="3295"/>
                  <a:pt x="7" y="3274"/>
                </a:cubicBezTo>
                <a:cubicBezTo>
                  <a:pt x="3" y="3274"/>
                  <a:pt x="5" y="3280"/>
                  <a:pt x="0" y="3287"/>
                </a:cubicBezTo>
                <a:close/>
                <a:moveTo>
                  <a:pt x="813" y="3014"/>
                </a:moveTo>
                <a:cubicBezTo>
                  <a:pt x="806" y="3016"/>
                  <a:pt x="796" y="3013"/>
                  <a:pt x="800" y="3031"/>
                </a:cubicBezTo>
                <a:cubicBezTo>
                  <a:pt x="807" y="3029"/>
                  <a:pt x="816" y="3030"/>
                  <a:pt x="813" y="3014"/>
                </a:cubicBezTo>
                <a:close/>
                <a:moveTo>
                  <a:pt x="525" y="3142"/>
                </a:moveTo>
                <a:cubicBezTo>
                  <a:pt x="519" y="3137"/>
                  <a:pt x="518" y="3125"/>
                  <a:pt x="511" y="3121"/>
                </a:cubicBezTo>
                <a:cubicBezTo>
                  <a:pt x="513" y="3132"/>
                  <a:pt x="515" y="3145"/>
                  <a:pt x="525" y="3142"/>
                </a:cubicBezTo>
                <a:close/>
                <a:moveTo>
                  <a:pt x="390" y="2910"/>
                </a:moveTo>
                <a:cubicBezTo>
                  <a:pt x="411" y="2930"/>
                  <a:pt x="440" y="2921"/>
                  <a:pt x="468" y="2926"/>
                </a:cubicBezTo>
                <a:cubicBezTo>
                  <a:pt x="453" y="2871"/>
                  <a:pt x="415" y="2930"/>
                  <a:pt x="390" y="2910"/>
                </a:cubicBezTo>
                <a:close/>
                <a:moveTo>
                  <a:pt x="1006" y="2995"/>
                </a:moveTo>
                <a:cubicBezTo>
                  <a:pt x="1001" y="2981"/>
                  <a:pt x="974" y="2990"/>
                  <a:pt x="988" y="2992"/>
                </a:cubicBezTo>
                <a:cubicBezTo>
                  <a:pt x="994" y="2989"/>
                  <a:pt x="1000" y="3004"/>
                  <a:pt x="1006" y="2995"/>
                </a:cubicBezTo>
                <a:close/>
                <a:moveTo>
                  <a:pt x="87" y="3319"/>
                </a:moveTo>
                <a:cubicBezTo>
                  <a:pt x="88" y="3328"/>
                  <a:pt x="95" y="3339"/>
                  <a:pt x="104" y="3332"/>
                </a:cubicBezTo>
                <a:cubicBezTo>
                  <a:pt x="107" y="3322"/>
                  <a:pt x="91" y="3324"/>
                  <a:pt x="87" y="3319"/>
                </a:cubicBezTo>
                <a:close/>
                <a:moveTo>
                  <a:pt x="119" y="3941"/>
                </a:moveTo>
                <a:cubicBezTo>
                  <a:pt x="118" y="3952"/>
                  <a:pt x="143" y="3953"/>
                  <a:pt x="148" y="3949"/>
                </a:cubicBezTo>
                <a:cubicBezTo>
                  <a:pt x="145" y="3933"/>
                  <a:pt x="128" y="3948"/>
                  <a:pt x="119" y="3941"/>
                </a:cubicBezTo>
                <a:close/>
                <a:moveTo>
                  <a:pt x="998" y="2977"/>
                </a:moveTo>
                <a:cubicBezTo>
                  <a:pt x="1008" y="2988"/>
                  <a:pt x="1012" y="2971"/>
                  <a:pt x="1018" y="2969"/>
                </a:cubicBezTo>
                <a:cubicBezTo>
                  <a:pt x="1009" y="2960"/>
                  <a:pt x="1009" y="2980"/>
                  <a:pt x="998" y="2977"/>
                </a:cubicBezTo>
                <a:close/>
                <a:moveTo>
                  <a:pt x="170" y="3733"/>
                </a:moveTo>
                <a:cubicBezTo>
                  <a:pt x="151" y="3728"/>
                  <a:pt x="151" y="3728"/>
                  <a:pt x="151" y="3728"/>
                </a:cubicBezTo>
                <a:cubicBezTo>
                  <a:pt x="146" y="3743"/>
                  <a:pt x="165" y="3755"/>
                  <a:pt x="170" y="3733"/>
                </a:cubicBezTo>
                <a:close/>
                <a:moveTo>
                  <a:pt x="481" y="2938"/>
                </a:moveTo>
                <a:cubicBezTo>
                  <a:pt x="486" y="2936"/>
                  <a:pt x="491" y="2933"/>
                  <a:pt x="493" y="2920"/>
                </a:cubicBezTo>
                <a:cubicBezTo>
                  <a:pt x="489" y="2906"/>
                  <a:pt x="476" y="2920"/>
                  <a:pt x="472" y="2911"/>
                </a:cubicBezTo>
                <a:cubicBezTo>
                  <a:pt x="468" y="2932"/>
                  <a:pt x="484" y="2919"/>
                  <a:pt x="481" y="2938"/>
                </a:cubicBezTo>
                <a:close/>
                <a:moveTo>
                  <a:pt x="2324" y="2790"/>
                </a:moveTo>
                <a:cubicBezTo>
                  <a:pt x="2337" y="2808"/>
                  <a:pt x="2326" y="2813"/>
                  <a:pt x="2324" y="2836"/>
                </a:cubicBezTo>
                <a:cubicBezTo>
                  <a:pt x="2344" y="2837"/>
                  <a:pt x="2335" y="2796"/>
                  <a:pt x="2344" y="2776"/>
                </a:cubicBezTo>
                <a:cubicBezTo>
                  <a:pt x="2332" y="2770"/>
                  <a:pt x="2340" y="2804"/>
                  <a:pt x="2324" y="2790"/>
                </a:cubicBezTo>
                <a:close/>
                <a:moveTo>
                  <a:pt x="873" y="416"/>
                </a:moveTo>
                <a:cubicBezTo>
                  <a:pt x="887" y="412"/>
                  <a:pt x="888" y="418"/>
                  <a:pt x="908" y="419"/>
                </a:cubicBezTo>
                <a:cubicBezTo>
                  <a:pt x="897" y="406"/>
                  <a:pt x="890" y="405"/>
                  <a:pt x="875" y="390"/>
                </a:cubicBezTo>
                <a:cubicBezTo>
                  <a:pt x="872" y="394"/>
                  <a:pt x="869" y="398"/>
                  <a:pt x="864" y="398"/>
                </a:cubicBezTo>
                <a:cubicBezTo>
                  <a:pt x="860" y="409"/>
                  <a:pt x="884" y="400"/>
                  <a:pt x="873" y="416"/>
                </a:cubicBezTo>
                <a:close/>
                <a:moveTo>
                  <a:pt x="857" y="391"/>
                </a:moveTo>
                <a:cubicBezTo>
                  <a:pt x="867" y="380"/>
                  <a:pt x="839" y="392"/>
                  <a:pt x="840" y="408"/>
                </a:cubicBezTo>
                <a:cubicBezTo>
                  <a:pt x="845" y="405"/>
                  <a:pt x="851" y="405"/>
                  <a:pt x="858" y="407"/>
                </a:cubicBezTo>
                <a:cubicBezTo>
                  <a:pt x="862" y="400"/>
                  <a:pt x="844" y="391"/>
                  <a:pt x="857" y="391"/>
                </a:cubicBezTo>
                <a:close/>
                <a:moveTo>
                  <a:pt x="2183" y="3099"/>
                </a:moveTo>
                <a:cubicBezTo>
                  <a:pt x="2195" y="3101"/>
                  <a:pt x="2205" y="3098"/>
                  <a:pt x="2211" y="3081"/>
                </a:cubicBezTo>
                <a:cubicBezTo>
                  <a:pt x="2199" y="3078"/>
                  <a:pt x="2192" y="3092"/>
                  <a:pt x="2183" y="3099"/>
                </a:cubicBezTo>
                <a:close/>
                <a:moveTo>
                  <a:pt x="1965" y="3369"/>
                </a:moveTo>
                <a:cubicBezTo>
                  <a:pt x="1975" y="3375"/>
                  <a:pt x="1982" y="3353"/>
                  <a:pt x="1991" y="3347"/>
                </a:cubicBezTo>
                <a:cubicBezTo>
                  <a:pt x="1978" y="3343"/>
                  <a:pt x="1970" y="3355"/>
                  <a:pt x="1965" y="3369"/>
                </a:cubicBezTo>
                <a:close/>
                <a:moveTo>
                  <a:pt x="912" y="585"/>
                </a:moveTo>
                <a:cubicBezTo>
                  <a:pt x="911" y="591"/>
                  <a:pt x="909" y="593"/>
                  <a:pt x="906" y="593"/>
                </a:cubicBezTo>
                <a:cubicBezTo>
                  <a:pt x="904" y="605"/>
                  <a:pt x="921" y="601"/>
                  <a:pt x="924" y="598"/>
                </a:cubicBezTo>
                <a:cubicBezTo>
                  <a:pt x="926" y="590"/>
                  <a:pt x="921" y="586"/>
                  <a:pt x="912" y="585"/>
                </a:cubicBezTo>
                <a:close/>
                <a:moveTo>
                  <a:pt x="909" y="394"/>
                </a:moveTo>
                <a:cubicBezTo>
                  <a:pt x="914" y="399"/>
                  <a:pt x="940" y="423"/>
                  <a:pt x="913" y="415"/>
                </a:cubicBezTo>
                <a:cubicBezTo>
                  <a:pt x="935" y="429"/>
                  <a:pt x="949" y="428"/>
                  <a:pt x="972" y="441"/>
                </a:cubicBezTo>
                <a:cubicBezTo>
                  <a:pt x="972" y="435"/>
                  <a:pt x="970" y="430"/>
                  <a:pt x="962" y="428"/>
                </a:cubicBezTo>
                <a:cubicBezTo>
                  <a:pt x="966" y="425"/>
                  <a:pt x="969" y="421"/>
                  <a:pt x="971" y="415"/>
                </a:cubicBezTo>
                <a:cubicBezTo>
                  <a:pt x="943" y="424"/>
                  <a:pt x="927" y="410"/>
                  <a:pt x="909" y="394"/>
                </a:cubicBezTo>
                <a:close/>
                <a:moveTo>
                  <a:pt x="747" y="665"/>
                </a:moveTo>
                <a:cubicBezTo>
                  <a:pt x="731" y="637"/>
                  <a:pt x="777" y="634"/>
                  <a:pt x="793" y="643"/>
                </a:cubicBezTo>
                <a:cubicBezTo>
                  <a:pt x="799" y="637"/>
                  <a:pt x="801" y="625"/>
                  <a:pt x="798" y="618"/>
                </a:cubicBezTo>
                <a:cubicBezTo>
                  <a:pt x="806" y="636"/>
                  <a:pt x="844" y="623"/>
                  <a:pt x="844" y="655"/>
                </a:cubicBezTo>
                <a:cubicBezTo>
                  <a:pt x="853" y="653"/>
                  <a:pt x="860" y="648"/>
                  <a:pt x="871" y="651"/>
                </a:cubicBezTo>
                <a:cubicBezTo>
                  <a:pt x="872" y="626"/>
                  <a:pt x="844" y="666"/>
                  <a:pt x="846" y="629"/>
                </a:cubicBezTo>
                <a:cubicBezTo>
                  <a:pt x="889" y="641"/>
                  <a:pt x="960" y="652"/>
                  <a:pt x="1008" y="677"/>
                </a:cubicBezTo>
                <a:cubicBezTo>
                  <a:pt x="1012" y="663"/>
                  <a:pt x="993" y="665"/>
                  <a:pt x="991" y="655"/>
                </a:cubicBezTo>
                <a:cubicBezTo>
                  <a:pt x="995" y="652"/>
                  <a:pt x="1000" y="650"/>
                  <a:pt x="1005" y="650"/>
                </a:cubicBezTo>
                <a:cubicBezTo>
                  <a:pt x="992" y="609"/>
                  <a:pt x="945" y="622"/>
                  <a:pt x="914" y="606"/>
                </a:cubicBezTo>
                <a:cubicBezTo>
                  <a:pt x="917" y="636"/>
                  <a:pt x="832" y="625"/>
                  <a:pt x="830" y="595"/>
                </a:cubicBezTo>
                <a:cubicBezTo>
                  <a:pt x="819" y="588"/>
                  <a:pt x="820" y="606"/>
                  <a:pt x="812" y="606"/>
                </a:cubicBezTo>
                <a:cubicBezTo>
                  <a:pt x="804" y="596"/>
                  <a:pt x="802" y="582"/>
                  <a:pt x="791" y="576"/>
                </a:cubicBezTo>
                <a:cubicBezTo>
                  <a:pt x="793" y="581"/>
                  <a:pt x="793" y="588"/>
                  <a:pt x="791" y="596"/>
                </a:cubicBezTo>
                <a:cubicBezTo>
                  <a:pt x="776" y="586"/>
                  <a:pt x="762" y="616"/>
                  <a:pt x="747" y="624"/>
                </a:cubicBezTo>
                <a:cubicBezTo>
                  <a:pt x="745" y="610"/>
                  <a:pt x="732" y="612"/>
                  <a:pt x="722" y="615"/>
                </a:cubicBezTo>
                <a:cubicBezTo>
                  <a:pt x="736" y="628"/>
                  <a:pt x="716" y="632"/>
                  <a:pt x="701" y="627"/>
                </a:cubicBezTo>
                <a:cubicBezTo>
                  <a:pt x="720" y="643"/>
                  <a:pt x="724" y="661"/>
                  <a:pt x="747" y="665"/>
                </a:cubicBezTo>
                <a:close/>
                <a:moveTo>
                  <a:pt x="1584" y="3645"/>
                </a:moveTo>
                <a:cubicBezTo>
                  <a:pt x="1589" y="3653"/>
                  <a:pt x="1589" y="3653"/>
                  <a:pt x="1589" y="3653"/>
                </a:cubicBezTo>
                <a:cubicBezTo>
                  <a:pt x="1593" y="3626"/>
                  <a:pt x="1541" y="3667"/>
                  <a:pt x="1556" y="3679"/>
                </a:cubicBezTo>
                <a:cubicBezTo>
                  <a:pt x="1559" y="3666"/>
                  <a:pt x="1577" y="3658"/>
                  <a:pt x="1584" y="3645"/>
                </a:cubicBezTo>
                <a:close/>
                <a:moveTo>
                  <a:pt x="1807" y="3479"/>
                </a:moveTo>
                <a:cubicBezTo>
                  <a:pt x="1787" y="3484"/>
                  <a:pt x="1779" y="3517"/>
                  <a:pt x="1755" y="3519"/>
                </a:cubicBezTo>
                <a:cubicBezTo>
                  <a:pt x="1766" y="3545"/>
                  <a:pt x="1835" y="3479"/>
                  <a:pt x="1801" y="3465"/>
                </a:cubicBezTo>
                <a:cubicBezTo>
                  <a:pt x="1797" y="3470"/>
                  <a:pt x="1804" y="3475"/>
                  <a:pt x="1807" y="3479"/>
                </a:cubicBezTo>
                <a:close/>
                <a:moveTo>
                  <a:pt x="1533" y="3739"/>
                </a:moveTo>
                <a:cubicBezTo>
                  <a:pt x="1549" y="3737"/>
                  <a:pt x="1556" y="3717"/>
                  <a:pt x="1581" y="3711"/>
                </a:cubicBezTo>
                <a:cubicBezTo>
                  <a:pt x="1561" y="3707"/>
                  <a:pt x="1545" y="3724"/>
                  <a:pt x="1533" y="3739"/>
                </a:cubicBezTo>
                <a:close/>
                <a:moveTo>
                  <a:pt x="1619" y="3639"/>
                </a:moveTo>
                <a:cubicBezTo>
                  <a:pt x="1607" y="3628"/>
                  <a:pt x="1611" y="3633"/>
                  <a:pt x="1605" y="3619"/>
                </a:cubicBezTo>
                <a:cubicBezTo>
                  <a:pt x="1598" y="3627"/>
                  <a:pt x="1604" y="3639"/>
                  <a:pt x="1597" y="3648"/>
                </a:cubicBezTo>
                <a:cubicBezTo>
                  <a:pt x="1602" y="3658"/>
                  <a:pt x="1612" y="3641"/>
                  <a:pt x="1619" y="3639"/>
                </a:cubicBezTo>
                <a:close/>
                <a:moveTo>
                  <a:pt x="913" y="580"/>
                </a:moveTo>
                <a:cubicBezTo>
                  <a:pt x="914" y="574"/>
                  <a:pt x="916" y="572"/>
                  <a:pt x="920" y="571"/>
                </a:cubicBezTo>
                <a:cubicBezTo>
                  <a:pt x="915" y="562"/>
                  <a:pt x="905" y="569"/>
                  <a:pt x="894" y="560"/>
                </a:cubicBezTo>
                <a:cubicBezTo>
                  <a:pt x="888" y="576"/>
                  <a:pt x="902" y="577"/>
                  <a:pt x="913" y="580"/>
                </a:cubicBezTo>
                <a:close/>
                <a:moveTo>
                  <a:pt x="1664" y="3656"/>
                </a:moveTo>
                <a:cubicBezTo>
                  <a:pt x="1657" y="3652"/>
                  <a:pt x="1649" y="3654"/>
                  <a:pt x="1639" y="3661"/>
                </a:cubicBezTo>
                <a:cubicBezTo>
                  <a:pt x="1650" y="3669"/>
                  <a:pt x="1669" y="3671"/>
                  <a:pt x="1664" y="3656"/>
                </a:cubicBezTo>
                <a:close/>
                <a:moveTo>
                  <a:pt x="1441" y="3631"/>
                </a:moveTo>
                <a:cubicBezTo>
                  <a:pt x="1446" y="3648"/>
                  <a:pt x="1409" y="3660"/>
                  <a:pt x="1400" y="3647"/>
                </a:cubicBezTo>
                <a:cubicBezTo>
                  <a:pt x="1401" y="3655"/>
                  <a:pt x="1392" y="3660"/>
                  <a:pt x="1398" y="3671"/>
                </a:cubicBezTo>
                <a:cubicBezTo>
                  <a:pt x="1426" y="3658"/>
                  <a:pt x="1434" y="3649"/>
                  <a:pt x="1458" y="3644"/>
                </a:cubicBezTo>
                <a:cubicBezTo>
                  <a:pt x="1444" y="3638"/>
                  <a:pt x="1448" y="3634"/>
                  <a:pt x="1438" y="3626"/>
                </a:cubicBezTo>
                <a:cubicBezTo>
                  <a:pt x="1427" y="3632"/>
                  <a:pt x="1427" y="3632"/>
                  <a:pt x="1427" y="3632"/>
                </a:cubicBezTo>
                <a:cubicBezTo>
                  <a:pt x="1430" y="3637"/>
                  <a:pt x="1436" y="3632"/>
                  <a:pt x="1441" y="3631"/>
                </a:cubicBezTo>
                <a:close/>
                <a:moveTo>
                  <a:pt x="1658" y="3606"/>
                </a:moveTo>
                <a:cubicBezTo>
                  <a:pt x="1675" y="3608"/>
                  <a:pt x="1710" y="3600"/>
                  <a:pt x="1709" y="3581"/>
                </a:cubicBezTo>
                <a:cubicBezTo>
                  <a:pt x="1696" y="3578"/>
                  <a:pt x="1694" y="3590"/>
                  <a:pt x="1689" y="3571"/>
                </a:cubicBezTo>
                <a:cubicBezTo>
                  <a:pt x="1690" y="3585"/>
                  <a:pt x="1674" y="3595"/>
                  <a:pt x="1658" y="3606"/>
                </a:cubicBezTo>
                <a:close/>
                <a:moveTo>
                  <a:pt x="233" y="2169"/>
                </a:moveTo>
                <a:cubicBezTo>
                  <a:pt x="220" y="2172"/>
                  <a:pt x="222" y="2183"/>
                  <a:pt x="244" y="2179"/>
                </a:cubicBezTo>
                <a:cubicBezTo>
                  <a:pt x="238" y="2176"/>
                  <a:pt x="230" y="2174"/>
                  <a:pt x="233" y="2169"/>
                </a:cubicBezTo>
                <a:close/>
                <a:moveTo>
                  <a:pt x="212" y="2018"/>
                </a:moveTo>
                <a:cubicBezTo>
                  <a:pt x="219" y="2019"/>
                  <a:pt x="234" y="2023"/>
                  <a:pt x="220" y="2015"/>
                </a:cubicBezTo>
                <a:cubicBezTo>
                  <a:pt x="209" y="2011"/>
                  <a:pt x="216" y="2018"/>
                  <a:pt x="212" y="2018"/>
                </a:cubicBezTo>
                <a:close/>
                <a:moveTo>
                  <a:pt x="157" y="2016"/>
                </a:moveTo>
                <a:cubicBezTo>
                  <a:pt x="165" y="2017"/>
                  <a:pt x="170" y="2017"/>
                  <a:pt x="174" y="2016"/>
                </a:cubicBezTo>
                <a:cubicBezTo>
                  <a:pt x="158" y="2010"/>
                  <a:pt x="159" y="2013"/>
                  <a:pt x="157" y="2016"/>
                </a:cubicBezTo>
                <a:close/>
                <a:moveTo>
                  <a:pt x="163" y="2160"/>
                </a:moveTo>
                <a:cubicBezTo>
                  <a:pt x="184" y="2157"/>
                  <a:pt x="203" y="2159"/>
                  <a:pt x="203" y="2155"/>
                </a:cubicBezTo>
                <a:cubicBezTo>
                  <a:pt x="219" y="2154"/>
                  <a:pt x="210" y="2156"/>
                  <a:pt x="208" y="2158"/>
                </a:cubicBezTo>
                <a:cubicBezTo>
                  <a:pt x="215" y="2160"/>
                  <a:pt x="210" y="2155"/>
                  <a:pt x="223" y="2154"/>
                </a:cubicBezTo>
                <a:cubicBezTo>
                  <a:pt x="220" y="2153"/>
                  <a:pt x="211" y="2153"/>
                  <a:pt x="213" y="2150"/>
                </a:cubicBezTo>
                <a:cubicBezTo>
                  <a:pt x="199" y="2153"/>
                  <a:pt x="179" y="2155"/>
                  <a:pt x="183" y="2151"/>
                </a:cubicBezTo>
                <a:cubicBezTo>
                  <a:pt x="176" y="2154"/>
                  <a:pt x="173" y="2157"/>
                  <a:pt x="163" y="2160"/>
                </a:cubicBezTo>
                <a:close/>
                <a:moveTo>
                  <a:pt x="203" y="2653"/>
                </a:moveTo>
                <a:cubicBezTo>
                  <a:pt x="195" y="2667"/>
                  <a:pt x="215" y="2660"/>
                  <a:pt x="214" y="2673"/>
                </a:cubicBezTo>
                <a:cubicBezTo>
                  <a:pt x="220" y="2660"/>
                  <a:pt x="206" y="2653"/>
                  <a:pt x="203" y="2653"/>
                </a:cubicBezTo>
                <a:close/>
                <a:moveTo>
                  <a:pt x="224" y="2095"/>
                </a:moveTo>
                <a:cubicBezTo>
                  <a:pt x="240" y="2096"/>
                  <a:pt x="211" y="2092"/>
                  <a:pt x="220" y="2091"/>
                </a:cubicBezTo>
                <a:cubicBezTo>
                  <a:pt x="196" y="2088"/>
                  <a:pt x="216" y="2095"/>
                  <a:pt x="224" y="2095"/>
                </a:cubicBezTo>
                <a:close/>
                <a:moveTo>
                  <a:pt x="177" y="2021"/>
                </a:moveTo>
                <a:cubicBezTo>
                  <a:pt x="163" y="2019"/>
                  <a:pt x="156" y="2022"/>
                  <a:pt x="168" y="2029"/>
                </a:cubicBezTo>
                <a:cubicBezTo>
                  <a:pt x="182" y="2032"/>
                  <a:pt x="166" y="2023"/>
                  <a:pt x="177" y="2021"/>
                </a:cubicBezTo>
                <a:close/>
                <a:moveTo>
                  <a:pt x="183" y="1699"/>
                </a:moveTo>
                <a:cubicBezTo>
                  <a:pt x="177" y="1690"/>
                  <a:pt x="175" y="1685"/>
                  <a:pt x="178" y="1684"/>
                </a:cubicBezTo>
                <a:cubicBezTo>
                  <a:pt x="167" y="1673"/>
                  <a:pt x="177" y="1698"/>
                  <a:pt x="180" y="1706"/>
                </a:cubicBezTo>
                <a:cubicBezTo>
                  <a:pt x="188" y="1719"/>
                  <a:pt x="189" y="1712"/>
                  <a:pt x="196" y="1725"/>
                </a:cubicBezTo>
                <a:cubicBezTo>
                  <a:pt x="201" y="1721"/>
                  <a:pt x="195" y="1707"/>
                  <a:pt x="195" y="1698"/>
                </a:cubicBezTo>
                <a:cubicBezTo>
                  <a:pt x="184" y="1682"/>
                  <a:pt x="190" y="1701"/>
                  <a:pt x="183" y="1699"/>
                </a:cubicBezTo>
                <a:close/>
                <a:moveTo>
                  <a:pt x="163" y="2144"/>
                </a:moveTo>
                <a:cubicBezTo>
                  <a:pt x="164" y="2133"/>
                  <a:pt x="164" y="2133"/>
                  <a:pt x="164" y="2133"/>
                </a:cubicBezTo>
                <a:cubicBezTo>
                  <a:pt x="157" y="2134"/>
                  <a:pt x="162" y="2136"/>
                  <a:pt x="154" y="2136"/>
                </a:cubicBezTo>
                <a:cubicBezTo>
                  <a:pt x="163" y="2137"/>
                  <a:pt x="153" y="2147"/>
                  <a:pt x="163" y="2144"/>
                </a:cubicBezTo>
                <a:close/>
                <a:moveTo>
                  <a:pt x="174" y="2501"/>
                </a:moveTo>
                <a:cubicBezTo>
                  <a:pt x="184" y="2492"/>
                  <a:pt x="185" y="2496"/>
                  <a:pt x="195" y="2487"/>
                </a:cubicBezTo>
                <a:cubicBezTo>
                  <a:pt x="184" y="2492"/>
                  <a:pt x="178" y="2494"/>
                  <a:pt x="180" y="2485"/>
                </a:cubicBezTo>
                <a:cubicBezTo>
                  <a:pt x="176" y="2491"/>
                  <a:pt x="170" y="2499"/>
                  <a:pt x="174" y="2501"/>
                </a:cubicBezTo>
                <a:close/>
                <a:moveTo>
                  <a:pt x="981" y="789"/>
                </a:moveTo>
                <a:cubicBezTo>
                  <a:pt x="990" y="797"/>
                  <a:pt x="992" y="809"/>
                  <a:pt x="1005" y="814"/>
                </a:cubicBezTo>
                <a:cubicBezTo>
                  <a:pt x="1019" y="790"/>
                  <a:pt x="999" y="791"/>
                  <a:pt x="981" y="789"/>
                </a:cubicBezTo>
                <a:close/>
                <a:moveTo>
                  <a:pt x="185" y="2410"/>
                </a:moveTo>
                <a:cubicBezTo>
                  <a:pt x="168" y="2424"/>
                  <a:pt x="173" y="2430"/>
                  <a:pt x="181" y="2429"/>
                </a:cubicBezTo>
                <a:cubicBezTo>
                  <a:pt x="195" y="2415"/>
                  <a:pt x="174" y="2423"/>
                  <a:pt x="185" y="2410"/>
                </a:cubicBezTo>
                <a:close/>
                <a:moveTo>
                  <a:pt x="141" y="986"/>
                </a:moveTo>
                <a:cubicBezTo>
                  <a:pt x="130" y="984"/>
                  <a:pt x="121" y="976"/>
                  <a:pt x="109" y="975"/>
                </a:cubicBezTo>
                <a:cubicBezTo>
                  <a:pt x="117" y="1000"/>
                  <a:pt x="131" y="993"/>
                  <a:pt x="141" y="986"/>
                </a:cubicBezTo>
                <a:close/>
                <a:moveTo>
                  <a:pt x="161" y="2469"/>
                </a:moveTo>
                <a:cubicBezTo>
                  <a:pt x="160" y="2469"/>
                  <a:pt x="162" y="2467"/>
                  <a:pt x="164" y="2465"/>
                </a:cubicBezTo>
                <a:cubicBezTo>
                  <a:pt x="161" y="2465"/>
                  <a:pt x="152" y="2474"/>
                  <a:pt x="154" y="2467"/>
                </a:cubicBezTo>
                <a:cubicBezTo>
                  <a:pt x="141" y="2473"/>
                  <a:pt x="162" y="2479"/>
                  <a:pt x="161" y="2469"/>
                </a:cubicBezTo>
                <a:close/>
                <a:moveTo>
                  <a:pt x="185" y="2638"/>
                </a:moveTo>
                <a:cubicBezTo>
                  <a:pt x="177" y="2652"/>
                  <a:pt x="185" y="2655"/>
                  <a:pt x="190" y="2655"/>
                </a:cubicBezTo>
                <a:cubicBezTo>
                  <a:pt x="192" y="2646"/>
                  <a:pt x="185" y="2645"/>
                  <a:pt x="185" y="2638"/>
                </a:cubicBezTo>
                <a:close/>
                <a:moveTo>
                  <a:pt x="912" y="823"/>
                </a:moveTo>
                <a:cubicBezTo>
                  <a:pt x="904" y="823"/>
                  <a:pt x="917" y="836"/>
                  <a:pt x="917" y="841"/>
                </a:cubicBezTo>
                <a:cubicBezTo>
                  <a:pt x="928" y="830"/>
                  <a:pt x="944" y="841"/>
                  <a:pt x="954" y="827"/>
                </a:cubicBezTo>
                <a:cubicBezTo>
                  <a:pt x="940" y="823"/>
                  <a:pt x="918" y="831"/>
                  <a:pt x="912" y="823"/>
                </a:cubicBezTo>
                <a:close/>
                <a:moveTo>
                  <a:pt x="107" y="1328"/>
                </a:moveTo>
                <a:cubicBezTo>
                  <a:pt x="113" y="1325"/>
                  <a:pt x="113" y="1316"/>
                  <a:pt x="118" y="1312"/>
                </a:cubicBezTo>
                <a:cubicBezTo>
                  <a:pt x="112" y="1311"/>
                  <a:pt x="99" y="1310"/>
                  <a:pt x="107" y="1328"/>
                </a:cubicBezTo>
                <a:close/>
              </a:path>
            </a:pathLst>
          </a:custGeom>
          <a:blipFill>
            <a:blip r:embed="rId2" cstate="screen">
              <a:extLst>
                <a:ext uri="{28A0092B-C50C-407E-A947-70E740481C1C}">
                  <a14:useLocalDpi xmlns:a14="http://schemas.microsoft.com/office/drawing/2010/main"/>
                </a:ext>
              </a:extLst>
            </a:blip>
            <a:stretch>
              <a:fillRect/>
            </a:stretch>
          </a:blipFill>
          <a:ln>
            <a:noFill/>
          </a:ln>
        </p:spPr>
        <p:txBody>
          <a:bodyPr vert="horz" wrap="square" lIns="91440" tIns="45720" rIns="91440" bIns="45720" numCol="1" anchor="t" anchorCtr="0" compatLnSpc="1">
            <a:prstTxWarp prst="textNoShape">
              <a:avLst/>
            </a:prstTxWarp>
          </a:bodyPr>
          <a:lstStyle/>
          <a:p>
            <a:endParaRPr lang="en-US"/>
          </a:p>
        </p:txBody>
      </p:sp>
    </p:spTree>
    <p:extLst>
      <p:ext uri="{BB962C8B-B14F-4D97-AF65-F5344CB8AC3E}">
        <p14:creationId xmlns:p14="http://schemas.microsoft.com/office/powerpoint/2010/main" val="2268266213"/>
      </p:ext>
    </p:extLst>
  </p:cSld>
  <p:clrMapOvr>
    <a:masterClrMapping/>
  </p:clrMapOvr>
  <p:transition>
    <p:fade/>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A17B8AE-99E2-4883-94D8-A13CC923EF6A}"/>
              </a:ext>
            </a:extLst>
          </p:cNvPr>
          <p:cNvSpPr>
            <a:spLocks noGrp="1"/>
          </p:cNvSpPr>
          <p:nvPr>
            <p:ph type="title"/>
          </p:nvPr>
        </p:nvSpPr>
        <p:spPr>
          <a:xfrm>
            <a:off x="381000" y="365125"/>
            <a:ext cx="11429324" cy="609398"/>
          </a:xfrm>
        </p:spPr>
        <p:txBody>
          <a:bodyPr vert="horz" lIns="0" tIns="0" rIns="0" bIns="0" rtlCol="0" anchor="t" anchorCtr="0">
            <a:normAutofit/>
          </a:bodyPr>
          <a:lstStyle/>
          <a:p>
            <a:r>
              <a:rPr lang="en-US" kern="1200">
                <a:latin typeface="+mn-lt"/>
                <a:ea typeface="+mj-ea"/>
                <a:cs typeface="+mj-cs"/>
              </a:rPr>
              <a:t>¿Que son los SAF?</a:t>
            </a:r>
          </a:p>
        </p:txBody>
      </p:sp>
      <p:sp>
        <p:nvSpPr>
          <p:cNvPr id="27" name="TextBox 26">
            <a:extLst>
              <a:ext uri="{FF2B5EF4-FFF2-40B4-BE49-F238E27FC236}">
                <a16:creationId xmlns:a16="http://schemas.microsoft.com/office/drawing/2014/main" id="{3AD2EA46-5B31-46BF-AD33-2285626E5024}"/>
              </a:ext>
            </a:extLst>
          </p:cNvPr>
          <p:cNvSpPr txBox="1"/>
          <p:nvPr/>
        </p:nvSpPr>
        <p:spPr>
          <a:xfrm>
            <a:off x="381676" y="1485900"/>
            <a:ext cx="5523824" cy="4267200"/>
          </a:xfrm>
          <a:prstGeom prst="rect">
            <a:avLst/>
          </a:prstGeom>
        </p:spPr>
        <p:txBody>
          <a:bodyPr vert="horz" lIns="0" tIns="0" rIns="0" bIns="0" rtlCol="0">
            <a:normAutofit/>
          </a:bodyPr>
          <a:lstStyle/>
          <a:p>
            <a:pPr marL="0" marR="0" lvl="0" indent="0" fontAlgn="auto">
              <a:lnSpc>
                <a:spcPct val="90000"/>
              </a:lnSpc>
              <a:spcBef>
                <a:spcPts val="0"/>
              </a:spcBef>
              <a:spcAft>
                <a:spcPts val="600"/>
              </a:spcAft>
              <a:buClrTx/>
              <a:buSzTx/>
              <a:buFontTx/>
              <a:buNone/>
              <a:tabLst/>
              <a:defRPr/>
            </a:pPr>
            <a:r>
              <a:rPr kumimoji="0" lang="en-US" sz="2000" b="1" i="0" u="none" strike="noStrike" cap="none" spc="0" normalizeH="0" baseline="0" noProof="0">
                <a:ln>
                  <a:noFill/>
                </a:ln>
                <a:effectLst/>
                <a:uLnTx/>
                <a:uFillTx/>
              </a:rPr>
              <a:t>Combustible Drop-in</a:t>
            </a:r>
          </a:p>
          <a:p>
            <a:pPr marL="800100" marR="0" lvl="1" indent="-342900" fontAlgn="auto">
              <a:lnSpc>
                <a:spcPct val="90000"/>
              </a:lnSpc>
              <a:spcBef>
                <a:spcPts val="0"/>
              </a:spcBef>
              <a:spcAft>
                <a:spcPts val="600"/>
              </a:spcAft>
              <a:buClrTx/>
              <a:buSzTx/>
              <a:buFont typeface="Arial" panose="020B0604020202020204" pitchFamily="34" charset="0"/>
              <a:buChar char="•"/>
              <a:tabLst/>
              <a:defRPr/>
            </a:pPr>
            <a:r>
              <a:rPr kumimoji="0" lang="en-US" sz="2000" b="0" i="0" u="none" strike="noStrike" cap="none" spc="0" normalizeH="0" baseline="0" noProof="0">
                <a:ln>
                  <a:noFill/>
                </a:ln>
                <a:effectLst/>
                <a:uLnTx/>
                <a:uFillTx/>
              </a:rPr>
              <a:t>Mezcla con SAF: ASTM D1655.</a:t>
            </a:r>
          </a:p>
          <a:p>
            <a:pPr marL="800100" marR="0" lvl="1" indent="-342900" fontAlgn="auto">
              <a:lnSpc>
                <a:spcPct val="90000"/>
              </a:lnSpc>
              <a:spcBef>
                <a:spcPts val="0"/>
              </a:spcBef>
              <a:spcAft>
                <a:spcPts val="600"/>
              </a:spcAft>
              <a:buClrTx/>
              <a:buSzTx/>
              <a:buFont typeface="Arial" panose="020B0604020202020204" pitchFamily="34" charset="0"/>
              <a:buChar char="•"/>
              <a:tabLst/>
              <a:defRPr/>
            </a:pPr>
            <a:r>
              <a:rPr kumimoji="0" lang="en-US" sz="2000" b="0" i="0" u="none" strike="noStrike" cap="none" spc="0" normalizeH="0" baseline="0" noProof="0">
                <a:ln>
                  <a:noFill/>
                </a:ln>
                <a:effectLst/>
                <a:uLnTx/>
                <a:uFillTx/>
              </a:rPr>
              <a:t>Neat SAF: ASTM D7566 – </a:t>
            </a:r>
            <a:r>
              <a:rPr kumimoji="0" lang="en-US" sz="2000" b="0" i="1" u="none" strike="noStrike" cap="none" spc="0" normalizeH="0" baseline="0" noProof="0">
                <a:ln>
                  <a:noFill/>
                </a:ln>
                <a:effectLst/>
                <a:uLnTx/>
                <a:uFillTx/>
              </a:rPr>
              <a:t>técnicamente</a:t>
            </a:r>
            <a:r>
              <a:rPr kumimoji="0" lang="en-US" sz="2000" b="0" i="0" u="none" strike="noStrike" cap="none" spc="0" normalizeH="0" baseline="0" noProof="0">
                <a:ln>
                  <a:noFill/>
                </a:ln>
                <a:effectLst/>
                <a:uLnTx/>
                <a:uFillTx/>
              </a:rPr>
              <a:t>, </a:t>
            </a:r>
            <a:r>
              <a:rPr lang="en-US" sz="2000"/>
              <a:t>no es un jet fuel.</a:t>
            </a:r>
            <a:endParaRPr kumimoji="0" lang="en-US" sz="2000" b="0" i="0" u="none" strike="noStrike" cap="none" spc="0" normalizeH="0" baseline="0" noProof="0">
              <a:ln>
                <a:noFill/>
              </a:ln>
              <a:effectLst/>
              <a:uLnTx/>
              <a:uFillTx/>
            </a:endParaRPr>
          </a:p>
          <a:p>
            <a:pPr marL="800100" marR="0" lvl="1" indent="-342900" fontAlgn="auto">
              <a:lnSpc>
                <a:spcPct val="90000"/>
              </a:lnSpc>
              <a:spcBef>
                <a:spcPts val="0"/>
              </a:spcBef>
              <a:spcAft>
                <a:spcPts val="600"/>
              </a:spcAft>
              <a:buClrTx/>
              <a:buSzTx/>
              <a:buFont typeface="Arial" panose="020B0604020202020204" pitchFamily="34" charset="0"/>
              <a:buChar char="•"/>
              <a:tabLst/>
              <a:defRPr/>
            </a:pPr>
            <a:r>
              <a:rPr kumimoji="0" lang="en-US" sz="2000" b="0" i="0" u="none" strike="noStrike" cap="none" spc="0" normalizeH="0" baseline="0" noProof="0">
                <a:ln>
                  <a:noFill/>
                </a:ln>
                <a:effectLst/>
                <a:uLnTx/>
                <a:uFillTx/>
              </a:rPr>
              <a:t>Hecho con procesos técnicos y materias primas aprobadas.</a:t>
            </a:r>
          </a:p>
          <a:p>
            <a:pPr marL="800100" marR="0" lvl="1" indent="-342900" fontAlgn="auto">
              <a:lnSpc>
                <a:spcPct val="90000"/>
              </a:lnSpc>
              <a:spcBef>
                <a:spcPts val="0"/>
              </a:spcBef>
              <a:spcAft>
                <a:spcPts val="600"/>
              </a:spcAft>
              <a:buClrTx/>
              <a:buSzTx/>
              <a:buFont typeface="Arial" panose="020B0604020202020204" pitchFamily="34" charset="0"/>
              <a:buChar char="•"/>
              <a:tabLst/>
              <a:defRPr/>
            </a:pPr>
            <a:endParaRPr kumimoji="0" lang="en-US" sz="2000" b="0" i="0" u="none" strike="noStrike" cap="none" spc="0" normalizeH="0" baseline="0" noProof="0">
              <a:ln>
                <a:noFill/>
              </a:ln>
              <a:effectLst/>
              <a:uLnTx/>
              <a:uFillTx/>
            </a:endParaRPr>
          </a:p>
          <a:p>
            <a:pPr marL="0" marR="0" lvl="0" indent="0" fontAlgn="auto">
              <a:lnSpc>
                <a:spcPct val="90000"/>
              </a:lnSpc>
              <a:spcBef>
                <a:spcPts val="0"/>
              </a:spcBef>
              <a:spcAft>
                <a:spcPts val="600"/>
              </a:spcAft>
              <a:buClrTx/>
              <a:buSzTx/>
              <a:buFontTx/>
              <a:buNone/>
              <a:tabLst/>
              <a:defRPr/>
            </a:pPr>
            <a:r>
              <a:rPr kumimoji="0" lang="en-US" sz="2000" b="1" i="0" u="none" strike="noStrike" cap="none" spc="0" normalizeH="0" baseline="0" noProof="0">
                <a:ln>
                  <a:noFill/>
                </a:ln>
                <a:effectLst/>
                <a:uLnTx/>
                <a:uFillTx/>
              </a:rPr>
              <a:t>Consideraciones de sostenibilidad:</a:t>
            </a:r>
          </a:p>
          <a:p>
            <a:pPr marL="800100" marR="0" lvl="1" indent="-342900" fontAlgn="auto">
              <a:lnSpc>
                <a:spcPct val="90000"/>
              </a:lnSpc>
              <a:spcBef>
                <a:spcPts val="0"/>
              </a:spcBef>
              <a:spcAft>
                <a:spcPts val="600"/>
              </a:spcAft>
              <a:buClrTx/>
              <a:buSzTx/>
              <a:buFont typeface="Arial" panose="020B0604020202020204" pitchFamily="34" charset="0"/>
              <a:buChar char="•"/>
              <a:tabLst/>
              <a:defRPr/>
            </a:pPr>
            <a:r>
              <a:rPr kumimoji="0" lang="en-US" sz="2000" b="0" i="0" u="none" strike="noStrike" cap="none" spc="0" normalizeH="0" baseline="0" noProof="0">
                <a:ln>
                  <a:noFill/>
                </a:ln>
                <a:effectLst/>
                <a:uLnTx/>
                <a:uFillTx/>
              </a:rPr>
              <a:t>Materia prima sostenible.</a:t>
            </a:r>
          </a:p>
          <a:p>
            <a:pPr marL="800100" marR="0" lvl="1" indent="-342900" fontAlgn="auto">
              <a:lnSpc>
                <a:spcPct val="90000"/>
              </a:lnSpc>
              <a:spcBef>
                <a:spcPts val="0"/>
              </a:spcBef>
              <a:spcAft>
                <a:spcPts val="600"/>
              </a:spcAft>
              <a:buClrTx/>
              <a:buSzTx/>
              <a:buFont typeface="Arial" panose="020B0604020202020204" pitchFamily="34" charset="0"/>
              <a:buChar char="•"/>
              <a:tabLst/>
              <a:defRPr/>
            </a:pPr>
            <a:r>
              <a:rPr kumimoji="0" lang="en-US" sz="2000" b="0" i="0" u="none" strike="noStrike" cap="none" spc="0" normalizeH="0" baseline="0" noProof="0">
                <a:ln>
                  <a:noFill/>
                </a:ln>
                <a:effectLst/>
                <a:uLnTx/>
                <a:uFillTx/>
              </a:rPr>
              <a:t>Requisitos de reducción de emisiones en el ciclo de vida.</a:t>
            </a:r>
          </a:p>
          <a:p>
            <a:pPr marL="800100" marR="0" lvl="1" indent="-342900" fontAlgn="auto">
              <a:lnSpc>
                <a:spcPct val="90000"/>
              </a:lnSpc>
              <a:spcBef>
                <a:spcPts val="0"/>
              </a:spcBef>
              <a:spcAft>
                <a:spcPts val="600"/>
              </a:spcAft>
              <a:buClrTx/>
              <a:buSzTx/>
              <a:buFont typeface="Arial" panose="020B0604020202020204" pitchFamily="34" charset="0"/>
              <a:buChar char="•"/>
              <a:tabLst/>
              <a:defRPr/>
            </a:pPr>
            <a:r>
              <a:rPr kumimoji="0" lang="en-US" sz="2000" b="0" i="0" u="none" strike="noStrike" cap="none" spc="0" normalizeH="0" baseline="0" noProof="0">
                <a:ln>
                  <a:noFill/>
                </a:ln>
                <a:effectLst/>
                <a:uLnTx/>
                <a:uFillTx/>
              </a:rPr>
              <a:t>Reducción de las emisiones asociadas: Monitoreo y reivindicación.</a:t>
            </a:r>
          </a:p>
        </p:txBody>
      </p:sp>
      <p:pic>
        <p:nvPicPr>
          <p:cNvPr id="11" name="Content Placeholder 2">
            <a:extLst>
              <a:ext uri="{FF2B5EF4-FFF2-40B4-BE49-F238E27FC236}">
                <a16:creationId xmlns:a16="http://schemas.microsoft.com/office/drawing/2014/main" id="{DCD45083-25CB-3180-3689-D44738C6C7D8}"/>
              </a:ext>
            </a:extLst>
          </p:cNvPr>
          <p:cNvPicPr>
            <a:picLocks noChangeAspect="1"/>
          </p:cNvPicPr>
          <p:nvPr/>
        </p:nvPicPr>
        <p:blipFill rotWithShape="1">
          <a:blip r:embed="rId3">
            <a:extLst>
              <a:ext uri="{28A0092B-C50C-407E-A947-70E740481C1C}">
                <a14:useLocalDpi xmlns:a14="http://schemas.microsoft.com/office/drawing/2010/main" val="0"/>
              </a:ext>
            </a:extLst>
          </a:blip>
          <a:srcRect t="30" r="3" b="37699"/>
          <a:stretch/>
        </p:blipFill>
        <p:spPr bwMode="auto">
          <a:xfrm>
            <a:off x="6286500" y="1854679"/>
            <a:ext cx="5523824" cy="2777706"/>
          </a:xfrm>
          <a:prstGeom prst="rect">
            <a:avLst/>
          </a:prstGeom>
          <a:noFill/>
        </p:spPr>
      </p:pic>
      <p:sp>
        <p:nvSpPr>
          <p:cNvPr id="8" name="Date Placeholder 4">
            <a:extLst>
              <a:ext uri="{FF2B5EF4-FFF2-40B4-BE49-F238E27FC236}">
                <a16:creationId xmlns:a16="http://schemas.microsoft.com/office/drawing/2014/main" id="{C223A462-8FEB-E5C8-216D-0942AE7DDD20}"/>
              </a:ext>
            </a:extLst>
          </p:cNvPr>
          <p:cNvSpPr>
            <a:spLocks noGrp="1"/>
          </p:cNvSpPr>
          <p:nvPr>
            <p:ph type="dt" sz="half" idx="10"/>
          </p:nvPr>
        </p:nvSpPr>
        <p:spPr>
          <a:xfrm>
            <a:off x="6286500" y="6162324"/>
            <a:ext cx="2743200" cy="365125"/>
          </a:xfrm>
        </p:spPr>
        <p:txBody>
          <a:bodyPr vert="horz" lIns="0" tIns="0" rIns="0" bIns="0" rtlCol="0" anchor="b" anchorCtr="0">
            <a:normAutofit/>
          </a:bodyPr>
          <a:lstStyle/>
          <a:p>
            <a:pPr>
              <a:spcAft>
                <a:spcPts val="600"/>
              </a:spcAft>
            </a:pPr>
            <a:fld id="{97C326BA-A1F7-4E33-88FC-B76359D35FF4}" type="datetime3">
              <a:rPr lang="en-US" smtClean="0"/>
              <a:pPr>
                <a:spcAft>
                  <a:spcPts val="600"/>
                </a:spcAft>
              </a:pPr>
              <a:t>8 November 2023</a:t>
            </a:fld>
            <a:endParaRPr lang="en-US" dirty="0"/>
          </a:p>
        </p:txBody>
      </p:sp>
      <p:sp>
        <p:nvSpPr>
          <p:cNvPr id="9" name="Footer Placeholder 5">
            <a:extLst>
              <a:ext uri="{FF2B5EF4-FFF2-40B4-BE49-F238E27FC236}">
                <a16:creationId xmlns:a16="http://schemas.microsoft.com/office/drawing/2014/main" id="{307EDDE2-3CA2-9605-4869-A37C73845788}"/>
              </a:ext>
            </a:extLst>
          </p:cNvPr>
          <p:cNvSpPr>
            <a:spLocks noGrp="1"/>
          </p:cNvSpPr>
          <p:nvPr>
            <p:ph type="ftr" sz="quarter" idx="11"/>
          </p:nvPr>
        </p:nvSpPr>
        <p:spPr>
          <a:xfrm>
            <a:off x="955370" y="6162324"/>
            <a:ext cx="4950130" cy="365125"/>
          </a:xfrm>
        </p:spPr>
        <p:txBody>
          <a:bodyPr vert="horz" lIns="0" tIns="0" rIns="0" bIns="0" rtlCol="0" anchor="b" anchorCtr="0">
            <a:normAutofit/>
          </a:bodyPr>
          <a:lstStyle/>
          <a:p>
            <a:pPr>
              <a:spcAft>
                <a:spcPts val="600"/>
              </a:spcAft>
            </a:pPr>
            <a:r>
              <a:rPr lang="en-US" kern="1200">
                <a:latin typeface="+mn-lt"/>
                <a:ea typeface="+mn-ea"/>
                <a:cs typeface="+mn-cs"/>
              </a:rPr>
              <a:t>MESA TÉCNICA No. 2: Cadena de Suministro de Avión</a:t>
            </a:r>
          </a:p>
        </p:txBody>
      </p:sp>
      <p:sp>
        <p:nvSpPr>
          <p:cNvPr id="10" name="Slide Number Placeholder 6">
            <a:extLst>
              <a:ext uri="{FF2B5EF4-FFF2-40B4-BE49-F238E27FC236}">
                <a16:creationId xmlns:a16="http://schemas.microsoft.com/office/drawing/2014/main" id="{A97F455B-D6FB-BE92-A650-97344ED96AC3}"/>
              </a:ext>
            </a:extLst>
          </p:cNvPr>
          <p:cNvSpPr>
            <a:spLocks noGrp="1"/>
          </p:cNvSpPr>
          <p:nvPr>
            <p:ph type="sldNum" sz="quarter" idx="12"/>
          </p:nvPr>
        </p:nvSpPr>
        <p:spPr>
          <a:xfrm>
            <a:off x="381000" y="6162324"/>
            <a:ext cx="457200" cy="365125"/>
          </a:xfrm>
        </p:spPr>
        <p:txBody>
          <a:bodyPr vert="horz" lIns="0" tIns="0" rIns="0" bIns="0" rtlCol="0" anchor="b" anchorCtr="0">
            <a:normAutofit/>
          </a:bodyPr>
          <a:lstStyle/>
          <a:p>
            <a:pPr>
              <a:spcAft>
                <a:spcPts val="600"/>
              </a:spcAft>
            </a:pPr>
            <a:fld id="{1A9E565A-6679-4A67-8FB7-14EA342FD6E1}" type="slidenum">
              <a:rPr lang="en-US" smtClean="0"/>
              <a:pPr>
                <a:spcAft>
                  <a:spcPts val="600"/>
                </a:spcAft>
              </a:pPr>
              <a:t>3</a:t>
            </a:fld>
            <a:endParaRPr lang="en-US" dirty="0"/>
          </a:p>
        </p:txBody>
      </p:sp>
    </p:spTree>
    <p:extLst>
      <p:ext uri="{BB962C8B-B14F-4D97-AF65-F5344CB8AC3E}">
        <p14:creationId xmlns:p14="http://schemas.microsoft.com/office/powerpoint/2010/main" val="2752635258"/>
      </p:ext>
    </p:extLst>
  </p:cSld>
  <p:clrMapOvr>
    <a:masterClrMapping/>
  </p:clrMapOvr>
  <p:transition>
    <p:fade/>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B8ED5D4-93D8-4687-8810-873A1F934553}"/>
              </a:ext>
            </a:extLst>
          </p:cNvPr>
          <p:cNvSpPr>
            <a:spLocks noGrp="1"/>
          </p:cNvSpPr>
          <p:nvPr>
            <p:ph type="title"/>
          </p:nvPr>
        </p:nvSpPr>
        <p:spPr/>
        <p:txBody>
          <a:bodyPr/>
          <a:lstStyle/>
          <a:p>
            <a:r>
              <a:rPr lang="en-US" dirty="0"/>
              <a:t>Costo de SAF y la </a:t>
            </a:r>
            <a:r>
              <a:rPr lang="en-US" dirty="0" err="1"/>
              <a:t>cadena</a:t>
            </a:r>
            <a:r>
              <a:rPr lang="en-US" dirty="0"/>
              <a:t> de </a:t>
            </a:r>
            <a:r>
              <a:rPr lang="en-US" dirty="0" err="1"/>
              <a:t>suministro</a:t>
            </a:r>
            <a:endParaRPr lang="en-US" dirty="0"/>
          </a:p>
        </p:txBody>
      </p:sp>
      <p:sp>
        <p:nvSpPr>
          <p:cNvPr id="3" name="Rectangle 2">
            <a:extLst>
              <a:ext uri="{FF2B5EF4-FFF2-40B4-BE49-F238E27FC236}">
                <a16:creationId xmlns:a16="http://schemas.microsoft.com/office/drawing/2014/main" id="{13AE0356-79C0-44B4-8516-3FCB7547E4A4}"/>
              </a:ext>
            </a:extLst>
          </p:cNvPr>
          <p:cNvSpPr/>
          <p:nvPr/>
        </p:nvSpPr>
        <p:spPr>
          <a:xfrm>
            <a:off x="1864420" y="4361430"/>
            <a:ext cx="1862253" cy="1170878"/>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s-CO" sz="1400" dirty="0">
                <a:solidFill>
                  <a:prstClr val="white"/>
                </a:solidFill>
                <a:latin typeface="Aktiv Grotesk"/>
              </a:rPr>
              <a:t>Valor energético</a:t>
            </a:r>
            <a:endParaRPr kumimoji="0" lang="es-CO" sz="1400" b="0" i="0" u="none" strike="noStrike" kern="1200" cap="none" spc="0" normalizeH="0" baseline="0" dirty="0">
              <a:ln>
                <a:noFill/>
              </a:ln>
              <a:solidFill>
                <a:prstClr val="white"/>
              </a:solidFill>
              <a:effectLst/>
              <a:uLnTx/>
              <a:uFillTx/>
              <a:latin typeface="Aktiv Grotesk"/>
              <a:ea typeface="+mn-ea"/>
              <a:cs typeface="+mn-cs"/>
            </a:endParaRPr>
          </a:p>
        </p:txBody>
      </p:sp>
      <p:sp>
        <p:nvSpPr>
          <p:cNvPr id="8" name="Rectangle 7">
            <a:extLst>
              <a:ext uri="{FF2B5EF4-FFF2-40B4-BE49-F238E27FC236}">
                <a16:creationId xmlns:a16="http://schemas.microsoft.com/office/drawing/2014/main" id="{CFE2EC20-177A-44FC-B64A-96CD137B35D6}"/>
              </a:ext>
            </a:extLst>
          </p:cNvPr>
          <p:cNvSpPr/>
          <p:nvPr/>
        </p:nvSpPr>
        <p:spPr>
          <a:xfrm>
            <a:off x="1864420" y="3978726"/>
            <a:ext cx="1862253" cy="365125"/>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CO" sz="1400" b="0" i="0" u="none" strike="noStrike" kern="1200" cap="none" spc="0" normalizeH="0" baseline="0" dirty="0">
                <a:ln>
                  <a:noFill/>
                </a:ln>
                <a:solidFill>
                  <a:prstClr val="white"/>
                </a:solidFill>
                <a:effectLst/>
                <a:uLnTx/>
                <a:uFillTx/>
                <a:latin typeface="Aktiv Grotesk"/>
                <a:ea typeface="+mn-ea"/>
                <a:cs typeface="+mn-cs"/>
              </a:rPr>
              <a:t>Entrega en el aeropuerto</a:t>
            </a:r>
          </a:p>
        </p:txBody>
      </p:sp>
      <p:sp>
        <p:nvSpPr>
          <p:cNvPr id="9" name="TextBox 8">
            <a:extLst>
              <a:ext uri="{FF2B5EF4-FFF2-40B4-BE49-F238E27FC236}">
                <a16:creationId xmlns:a16="http://schemas.microsoft.com/office/drawing/2014/main" id="{1E27DA83-E727-45BB-AB2D-F65E231E5CAF}"/>
              </a:ext>
            </a:extLst>
          </p:cNvPr>
          <p:cNvSpPr txBox="1"/>
          <p:nvPr/>
        </p:nvSpPr>
        <p:spPr>
          <a:xfrm>
            <a:off x="1743019" y="5683819"/>
            <a:ext cx="2105063" cy="584775"/>
          </a:xfrm>
          <a:prstGeom prst="rect">
            <a:avLst/>
          </a:prstGeom>
          <a:noFill/>
        </p:spPr>
        <p:txBody>
          <a:bodyPr wrap="non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dirty="0">
                <a:ln>
                  <a:noFill/>
                </a:ln>
                <a:solidFill>
                  <a:prstClr val="black"/>
                </a:solidFill>
                <a:effectLst/>
                <a:uLnTx/>
                <a:uFillTx/>
                <a:latin typeface="Aktiv Grotesk"/>
                <a:ea typeface="+mn-ea"/>
                <a:cs typeface="+mn-cs"/>
              </a:rPr>
              <a:t>Costo del Jet Fuel </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CO" sz="1600" b="1" i="0" u="none" strike="noStrike" kern="1200" cap="none" spc="0" normalizeH="0" baseline="0" dirty="0">
                <a:ln>
                  <a:noFill/>
                </a:ln>
                <a:solidFill>
                  <a:prstClr val="black"/>
                </a:solidFill>
                <a:effectLst/>
                <a:uLnTx/>
                <a:uFillTx/>
                <a:latin typeface="Aktiv Grotesk"/>
                <a:ea typeface="+mn-ea"/>
                <a:cs typeface="+mn-cs"/>
              </a:rPr>
              <a:t>Convencional (CAF)</a:t>
            </a:r>
          </a:p>
        </p:txBody>
      </p:sp>
      <p:sp>
        <p:nvSpPr>
          <p:cNvPr id="10" name="Rectangle 9">
            <a:extLst>
              <a:ext uri="{FF2B5EF4-FFF2-40B4-BE49-F238E27FC236}">
                <a16:creationId xmlns:a16="http://schemas.microsoft.com/office/drawing/2014/main" id="{7D567AE6-B29E-4A7E-BAF9-922C8C18833B}"/>
              </a:ext>
            </a:extLst>
          </p:cNvPr>
          <p:cNvSpPr/>
          <p:nvPr/>
        </p:nvSpPr>
        <p:spPr>
          <a:xfrm>
            <a:off x="3996439" y="3402425"/>
            <a:ext cx="1862253" cy="2129883"/>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s-CO" sz="1400" dirty="0">
                <a:solidFill>
                  <a:prstClr val="white"/>
                </a:solidFill>
                <a:latin typeface="Aktiv Grotesk"/>
              </a:rPr>
              <a:t>Precio de la Materia Prima de SAF</a:t>
            </a:r>
            <a:endParaRPr kumimoji="0" lang="es-CO" sz="1400" b="0" i="0" u="none" strike="noStrike" kern="1200" cap="none" spc="0" normalizeH="0" baseline="0" dirty="0">
              <a:ln>
                <a:noFill/>
              </a:ln>
              <a:solidFill>
                <a:prstClr val="white"/>
              </a:solidFill>
              <a:effectLst/>
              <a:uLnTx/>
              <a:uFillTx/>
              <a:latin typeface="Aktiv Grotesk"/>
              <a:ea typeface="+mn-ea"/>
              <a:cs typeface="+mn-cs"/>
            </a:endParaRPr>
          </a:p>
        </p:txBody>
      </p:sp>
      <p:sp>
        <p:nvSpPr>
          <p:cNvPr id="11" name="Rectangle 10">
            <a:extLst>
              <a:ext uri="{FF2B5EF4-FFF2-40B4-BE49-F238E27FC236}">
                <a16:creationId xmlns:a16="http://schemas.microsoft.com/office/drawing/2014/main" id="{205C2B20-1EA3-48CF-976E-319CE3E33074}"/>
              </a:ext>
            </a:extLst>
          </p:cNvPr>
          <p:cNvSpPr/>
          <p:nvPr/>
        </p:nvSpPr>
        <p:spPr>
          <a:xfrm>
            <a:off x="3995603" y="2777081"/>
            <a:ext cx="1862253" cy="609398"/>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CO" sz="1400" b="0" i="0" u="none" strike="noStrike" kern="1200" cap="none" spc="0" normalizeH="0" baseline="0" dirty="0">
                <a:ln>
                  <a:noFill/>
                </a:ln>
                <a:solidFill>
                  <a:prstClr val="white"/>
                </a:solidFill>
                <a:effectLst/>
                <a:uLnTx/>
                <a:uFillTx/>
                <a:latin typeface="Aktiv Grotesk"/>
                <a:ea typeface="+mn-ea"/>
                <a:cs typeface="+mn-cs"/>
              </a:rPr>
              <a:t>Preprocesamiento de la Materia prima SAF</a:t>
            </a:r>
          </a:p>
        </p:txBody>
      </p:sp>
      <p:sp>
        <p:nvSpPr>
          <p:cNvPr id="12" name="TextBox 11">
            <a:extLst>
              <a:ext uri="{FF2B5EF4-FFF2-40B4-BE49-F238E27FC236}">
                <a16:creationId xmlns:a16="http://schemas.microsoft.com/office/drawing/2014/main" id="{0F6AC2FD-58CC-4E80-9522-08555EABE4CB}"/>
              </a:ext>
            </a:extLst>
          </p:cNvPr>
          <p:cNvSpPr txBox="1"/>
          <p:nvPr/>
        </p:nvSpPr>
        <p:spPr>
          <a:xfrm>
            <a:off x="3990583" y="5697359"/>
            <a:ext cx="2073715" cy="338554"/>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dirty="0">
                <a:ln>
                  <a:noFill/>
                </a:ln>
                <a:solidFill>
                  <a:prstClr val="black"/>
                </a:solidFill>
                <a:effectLst/>
                <a:uLnTx/>
                <a:uFillTx/>
                <a:latin typeface="Aktiv Grotesk"/>
                <a:ea typeface="+mn-ea"/>
                <a:cs typeface="+mn-cs"/>
              </a:rPr>
              <a:t>Costo de SAF</a:t>
            </a:r>
          </a:p>
        </p:txBody>
      </p:sp>
      <p:sp>
        <p:nvSpPr>
          <p:cNvPr id="13" name="Rectangle 12">
            <a:extLst>
              <a:ext uri="{FF2B5EF4-FFF2-40B4-BE49-F238E27FC236}">
                <a16:creationId xmlns:a16="http://schemas.microsoft.com/office/drawing/2014/main" id="{5E2A7FDE-53D7-418F-AB94-1905841F446E}"/>
              </a:ext>
            </a:extLst>
          </p:cNvPr>
          <p:cNvSpPr/>
          <p:nvPr/>
        </p:nvSpPr>
        <p:spPr>
          <a:xfrm>
            <a:off x="3997276" y="2148671"/>
            <a:ext cx="1862253" cy="609398"/>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CO" sz="1400" b="0" i="0" u="none" strike="noStrike" kern="1200" cap="none" spc="0" normalizeH="0" baseline="0" dirty="0">
                <a:ln>
                  <a:noFill/>
                </a:ln>
                <a:solidFill>
                  <a:prstClr val="white"/>
                </a:solidFill>
                <a:effectLst/>
                <a:uLnTx/>
                <a:uFillTx/>
                <a:latin typeface="Aktiv Grotesk"/>
                <a:ea typeface="+mn-ea"/>
                <a:cs typeface="+mn-cs"/>
              </a:rPr>
              <a:t>Refinación SAF</a:t>
            </a:r>
          </a:p>
        </p:txBody>
      </p:sp>
      <p:sp>
        <p:nvSpPr>
          <p:cNvPr id="16" name="Rectangle 15">
            <a:extLst>
              <a:ext uri="{FF2B5EF4-FFF2-40B4-BE49-F238E27FC236}">
                <a16:creationId xmlns:a16="http://schemas.microsoft.com/office/drawing/2014/main" id="{DA1E2AAD-4352-4DF9-8CD2-3D1083F72AE5}"/>
              </a:ext>
            </a:extLst>
          </p:cNvPr>
          <p:cNvSpPr/>
          <p:nvPr/>
        </p:nvSpPr>
        <p:spPr>
          <a:xfrm>
            <a:off x="3993929" y="1768607"/>
            <a:ext cx="1862253" cy="365125"/>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CO" sz="1000" b="0" i="0" u="none" strike="noStrike" kern="1200" cap="none" spc="0" normalizeH="0" baseline="0" dirty="0">
                <a:ln>
                  <a:noFill/>
                </a:ln>
                <a:solidFill>
                  <a:prstClr val="white"/>
                </a:solidFill>
                <a:effectLst/>
                <a:uLnTx/>
                <a:uFillTx/>
                <a:latin typeface="Aktiv Grotesk"/>
                <a:ea typeface="+mn-ea"/>
                <a:cs typeface="+mn-cs"/>
              </a:rPr>
              <a:t>Premio de producción SAF</a:t>
            </a:r>
          </a:p>
        </p:txBody>
      </p:sp>
      <p:sp>
        <p:nvSpPr>
          <p:cNvPr id="17" name="Rectangle 16">
            <a:extLst>
              <a:ext uri="{FF2B5EF4-FFF2-40B4-BE49-F238E27FC236}">
                <a16:creationId xmlns:a16="http://schemas.microsoft.com/office/drawing/2014/main" id="{B6B97F51-57FB-4DDB-97A6-6641D2991832}"/>
              </a:ext>
            </a:extLst>
          </p:cNvPr>
          <p:cNvSpPr/>
          <p:nvPr/>
        </p:nvSpPr>
        <p:spPr>
          <a:xfrm>
            <a:off x="3992255" y="1394692"/>
            <a:ext cx="1862253" cy="365125"/>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CO" sz="1000" b="0" i="0" u="none" strike="noStrike" kern="1200" cap="none" spc="0" normalizeH="0" baseline="0" dirty="0">
                <a:ln>
                  <a:noFill/>
                </a:ln>
                <a:solidFill>
                  <a:prstClr val="white"/>
                </a:solidFill>
                <a:effectLst/>
                <a:uLnTx/>
                <a:uFillTx/>
                <a:latin typeface="Aktiv Grotesk"/>
                <a:ea typeface="+mn-ea"/>
                <a:cs typeface="+mn-cs"/>
              </a:rPr>
              <a:t>SAF distribución y mezcla</a:t>
            </a:r>
          </a:p>
        </p:txBody>
      </p:sp>
      <p:sp>
        <p:nvSpPr>
          <p:cNvPr id="18" name="Rectangle 17">
            <a:extLst>
              <a:ext uri="{FF2B5EF4-FFF2-40B4-BE49-F238E27FC236}">
                <a16:creationId xmlns:a16="http://schemas.microsoft.com/office/drawing/2014/main" id="{E7E08F35-79D0-4018-9CA7-05E2D5C4CC95}"/>
              </a:ext>
            </a:extLst>
          </p:cNvPr>
          <p:cNvSpPr/>
          <p:nvPr/>
        </p:nvSpPr>
        <p:spPr>
          <a:xfrm>
            <a:off x="3990581" y="1011987"/>
            <a:ext cx="1862253" cy="365125"/>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CO" sz="1000" b="0" i="0" u="none" strike="noStrike" kern="1200" cap="none" spc="0" normalizeH="0" baseline="0" dirty="0">
                <a:ln>
                  <a:noFill/>
                </a:ln>
                <a:solidFill>
                  <a:prstClr val="white"/>
                </a:solidFill>
                <a:effectLst/>
                <a:uLnTx/>
                <a:uFillTx/>
                <a:latin typeface="Aktiv Grotesk"/>
                <a:ea typeface="+mn-ea"/>
                <a:cs typeface="+mn-cs"/>
              </a:rPr>
              <a:t>Certificación SCS</a:t>
            </a:r>
          </a:p>
        </p:txBody>
      </p:sp>
      <p:cxnSp>
        <p:nvCxnSpPr>
          <p:cNvPr id="20" name="Straight Connector 19">
            <a:extLst>
              <a:ext uri="{FF2B5EF4-FFF2-40B4-BE49-F238E27FC236}">
                <a16:creationId xmlns:a16="http://schemas.microsoft.com/office/drawing/2014/main" id="{AE4D5E98-B342-40CC-BFA6-0FAB13BEC0ED}"/>
              </a:ext>
            </a:extLst>
          </p:cNvPr>
          <p:cNvCxnSpPr>
            <a:cxnSpLocks/>
          </p:cNvCxnSpPr>
          <p:nvPr/>
        </p:nvCxnSpPr>
        <p:spPr>
          <a:xfrm flipV="1">
            <a:off x="1329161" y="4185427"/>
            <a:ext cx="4984595" cy="17580"/>
          </a:xfrm>
          <a:prstGeom prst="line">
            <a:avLst/>
          </a:prstGeom>
          <a:ln w="9525" cap="flat" cmpd="sng" algn="ctr">
            <a:solidFill>
              <a:schemeClr val="accent3"/>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sp>
        <p:nvSpPr>
          <p:cNvPr id="21" name="Left Brace 20">
            <a:extLst>
              <a:ext uri="{FF2B5EF4-FFF2-40B4-BE49-F238E27FC236}">
                <a16:creationId xmlns:a16="http://schemas.microsoft.com/office/drawing/2014/main" id="{EA8660F8-6830-427B-83AB-6DFC0850AEAD}"/>
              </a:ext>
            </a:extLst>
          </p:cNvPr>
          <p:cNvSpPr/>
          <p:nvPr/>
        </p:nvSpPr>
        <p:spPr>
          <a:xfrm>
            <a:off x="3536584" y="1011987"/>
            <a:ext cx="341222" cy="2949159"/>
          </a:xfrm>
          <a:prstGeom prst="leftBrace">
            <a:avLst/>
          </a:prstGeom>
          <a:ln/>
        </p:spPr>
        <p:style>
          <a:lnRef idx="1">
            <a:schemeClr val="accent3"/>
          </a:lnRef>
          <a:fillRef idx="0">
            <a:schemeClr val="accent3"/>
          </a:fillRef>
          <a:effectRef idx="0">
            <a:schemeClr val="accent3"/>
          </a:effectRef>
          <a:fontRef idx="minor">
            <a:schemeClr val="tx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0000"/>
              </a:solidFill>
              <a:effectLst/>
              <a:uLnTx/>
              <a:uFillTx/>
              <a:latin typeface="Aktiv Grotesk"/>
              <a:ea typeface="+mn-ea"/>
              <a:cs typeface="+mn-cs"/>
            </a:endParaRPr>
          </a:p>
        </p:txBody>
      </p:sp>
      <p:sp>
        <p:nvSpPr>
          <p:cNvPr id="22" name="TextBox 21">
            <a:extLst>
              <a:ext uri="{FF2B5EF4-FFF2-40B4-BE49-F238E27FC236}">
                <a16:creationId xmlns:a16="http://schemas.microsoft.com/office/drawing/2014/main" id="{857938B4-FEEF-454E-AE65-63405BAF3E9C}"/>
              </a:ext>
            </a:extLst>
          </p:cNvPr>
          <p:cNvSpPr txBox="1"/>
          <p:nvPr/>
        </p:nvSpPr>
        <p:spPr>
          <a:xfrm>
            <a:off x="852333" y="2085919"/>
            <a:ext cx="2564781" cy="1015663"/>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s-CO">
                <a:solidFill>
                  <a:prstClr val="black"/>
                </a:solidFill>
                <a:latin typeface="Aktiv Grotesk"/>
              </a:rPr>
              <a:t>SAF premium</a:t>
            </a:r>
            <a:endParaRPr kumimoji="0" lang="es-CO" sz="1800" b="0" i="0" u="none" strike="noStrike" kern="1200" cap="none" spc="0" normalizeH="0" baseline="0" noProof="0" dirty="0">
              <a:ln>
                <a:noFill/>
              </a:ln>
              <a:solidFill>
                <a:prstClr val="black"/>
              </a:solidFill>
              <a:effectLst/>
              <a:uLnTx/>
              <a:uFillTx/>
              <a:latin typeface="Aktiv Grotesk"/>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CO" sz="1400" b="0" i="0" u="none" strike="noStrike" kern="1200" cap="none" spc="0" normalizeH="0" baseline="0" noProof="0" dirty="0">
                <a:ln>
                  <a:noFill/>
                </a:ln>
                <a:solidFill>
                  <a:prstClr val="black"/>
                </a:solidFill>
                <a:effectLst/>
                <a:uLnTx/>
                <a:uFillTx/>
                <a:latin typeface="Aktiv Grotesk"/>
                <a:ea typeface="+mn-ea"/>
                <a:cs typeface="+mn-cs"/>
              </a:rPr>
              <a:t>SAF puede costar más que dos veces que el Jet Fuel convencional </a:t>
            </a:r>
          </a:p>
        </p:txBody>
      </p:sp>
      <p:grpSp>
        <p:nvGrpSpPr>
          <p:cNvPr id="4" name="Group 3">
            <a:extLst>
              <a:ext uri="{FF2B5EF4-FFF2-40B4-BE49-F238E27FC236}">
                <a16:creationId xmlns:a16="http://schemas.microsoft.com/office/drawing/2014/main" id="{CF89095C-F380-B4C2-AAAC-C90D474B99C8}"/>
              </a:ext>
            </a:extLst>
          </p:cNvPr>
          <p:cNvGrpSpPr/>
          <p:nvPr/>
        </p:nvGrpSpPr>
        <p:grpSpPr>
          <a:xfrm>
            <a:off x="6096000" y="974523"/>
            <a:ext cx="5542213" cy="4922887"/>
            <a:chOff x="6645349" y="710464"/>
            <a:chExt cx="5039268" cy="5185121"/>
          </a:xfrm>
        </p:grpSpPr>
        <p:pic>
          <p:nvPicPr>
            <p:cNvPr id="5" name="Picture 4">
              <a:extLst>
                <a:ext uri="{FF2B5EF4-FFF2-40B4-BE49-F238E27FC236}">
                  <a16:creationId xmlns:a16="http://schemas.microsoft.com/office/drawing/2014/main" id="{06BDF2F2-D0B4-ECB3-3C40-6A526B888A24}"/>
                </a:ext>
              </a:extLst>
            </p:cNvPr>
            <p:cNvPicPr>
              <a:picLocks noChangeAspect="1"/>
            </p:cNvPicPr>
            <p:nvPr/>
          </p:nvPicPr>
          <p:blipFill>
            <a:blip r:embed="rId3"/>
            <a:stretch>
              <a:fillRect/>
            </a:stretch>
          </p:blipFill>
          <p:spPr>
            <a:xfrm>
              <a:off x="6783572" y="802623"/>
              <a:ext cx="4901045" cy="5092962"/>
            </a:xfrm>
            <a:prstGeom prst="rect">
              <a:avLst/>
            </a:prstGeom>
          </p:spPr>
        </p:pic>
        <p:sp>
          <p:nvSpPr>
            <p:cNvPr id="6" name="Rectangle 5">
              <a:extLst>
                <a:ext uri="{FF2B5EF4-FFF2-40B4-BE49-F238E27FC236}">
                  <a16:creationId xmlns:a16="http://schemas.microsoft.com/office/drawing/2014/main" id="{EBFA432D-12E5-EA8A-59B5-11CBC995D401}"/>
                </a:ext>
              </a:extLst>
            </p:cNvPr>
            <p:cNvSpPr/>
            <p:nvPr/>
          </p:nvSpPr>
          <p:spPr>
            <a:xfrm>
              <a:off x="6645349" y="710464"/>
              <a:ext cx="1648046" cy="304699"/>
            </a:xfrm>
            <a:prstGeom prst="rect">
              <a:avLst/>
            </a:prstGeom>
            <a:solidFill>
              <a:schemeClr val="bg1"/>
            </a:solidFill>
            <a:ln>
              <a:solidFill>
                <a:schemeClr val="bg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7" name="Date Placeholder 4">
            <a:extLst>
              <a:ext uri="{FF2B5EF4-FFF2-40B4-BE49-F238E27FC236}">
                <a16:creationId xmlns:a16="http://schemas.microsoft.com/office/drawing/2014/main" id="{3AA408E9-F902-67D5-D70E-11DB364E962E}"/>
              </a:ext>
            </a:extLst>
          </p:cNvPr>
          <p:cNvSpPr>
            <a:spLocks noGrp="1"/>
          </p:cNvSpPr>
          <p:nvPr>
            <p:ph type="dt" sz="half" idx="10"/>
          </p:nvPr>
        </p:nvSpPr>
        <p:spPr>
          <a:xfrm>
            <a:off x="6286500" y="6162324"/>
            <a:ext cx="2743200" cy="365125"/>
          </a:xfrm>
        </p:spPr>
        <p:txBody>
          <a:bodyPr vert="horz" lIns="0" tIns="0" rIns="0" bIns="0" rtlCol="0" anchor="b" anchorCtr="0">
            <a:normAutofit/>
          </a:bodyPr>
          <a:lstStyle/>
          <a:p>
            <a:pPr>
              <a:spcAft>
                <a:spcPts val="600"/>
              </a:spcAft>
            </a:pPr>
            <a:fld id="{97C326BA-A1F7-4E33-88FC-B76359D35FF4}" type="datetime3">
              <a:rPr lang="en-US" smtClean="0"/>
              <a:pPr>
                <a:spcAft>
                  <a:spcPts val="600"/>
                </a:spcAft>
              </a:pPr>
              <a:t>8 November 2023</a:t>
            </a:fld>
            <a:endParaRPr lang="en-US" dirty="0"/>
          </a:p>
        </p:txBody>
      </p:sp>
      <p:sp>
        <p:nvSpPr>
          <p:cNvPr id="14" name="Footer Placeholder 5">
            <a:extLst>
              <a:ext uri="{FF2B5EF4-FFF2-40B4-BE49-F238E27FC236}">
                <a16:creationId xmlns:a16="http://schemas.microsoft.com/office/drawing/2014/main" id="{39CD0517-FE75-AAC7-C522-72CA381EA5B0}"/>
              </a:ext>
            </a:extLst>
          </p:cNvPr>
          <p:cNvSpPr>
            <a:spLocks noGrp="1"/>
          </p:cNvSpPr>
          <p:nvPr>
            <p:ph type="ftr" sz="quarter" idx="11"/>
          </p:nvPr>
        </p:nvSpPr>
        <p:spPr>
          <a:xfrm>
            <a:off x="955370" y="6162324"/>
            <a:ext cx="4950130" cy="365125"/>
          </a:xfrm>
        </p:spPr>
        <p:txBody>
          <a:bodyPr vert="horz" lIns="0" tIns="0" rIns="0" bIns="0" rtlCol="0" anchor="b" anchorCtr="0">
            <a:normAutofit/>
          </a:bodyPr>
          <a:lstStyle/>
          <a:p>
            <a:pPr>
              <a:spcAft>
                <a:spcPts val="600"/>
              </a:spcAft>
            </a:pPr>
            <a:r>
              <a:rPr lang="en-US" kern="1200">
                <a:latin typeface="+mn-lt"/>
                <a:ea typeface="+mn-ea"/>
                <a:cs typeface="+mn-cs"/>
              </a:rPr>
              <a:t>MESA TÉCNICA No. 2: Cadena de Suministro de Avión</a:t>
            </a:r>
          </a:p>
        </p:txBody>
      </p:sp>
      <p:sp>
        <p:nvSpPr>
          <p:cNvPr id="15" name="Slide Number Placeholder 6">
            <a:extLst>
              <a:ext uri="{FF2B5EF4-FFF2-40B4-BE49-F238E27FC236}">
                <a16:creationId xmlns:a16="http://schemas.microsoft.com/office/drawing/2014/main" id="{1974677E-B910-375D-B4F7-B5052C95FD8F}"/>
              </a:ext>
            </a:extLst>
          </p:cNvPr>
          <p:cNvSpPr>
            <a:spLocks noGrp="1"/>
          </p:cNvSpPr>
          <p:nvPr>
            <p:ph type="sldNum" sz="quarter" idx="12"/>
          </p:nvPr>
        </p:nvSpPr>
        <p:spPr>
          <a:xfrm>
            <a:off x="381000" y="6162324"/>
            <a:ext cx="457200" cy="365125"/>
          </a:xfrm>
        </p:spPr>
        <p:txBody>
          <a:bodyPr vert="horz" lIns="0" tIns="0" rIns="0" bIns="0" rtlCol="0" anchor="b" anchorCtr="0">
            <a:normAutofit/>
          </a:bodyPr>
          <a:lstStyle/>
          <a:p>
            <a:pPr>
              <a:spcAft>
                <a:spcPts val="600"/>
              </a:spcAft>
            </a:pPr>
            <a:fld id="{1A9E565A-6679-4A67-8FB7-14EA342FD6E1}" type="slidenum">
              <a:rPr lang="en-US" smtClean="0"/>
              <a:pPr>
                <a:spcAft>
                  <a:spcPts val="600"/>
                </a:spcAft>
              </a:pPr>
              <a:t>4</a:t>
            </a:fld>
            <a:endParaRPr lang="en-US" dirty="0"/>
          </a:p>
        </p:txBody>
      </p:sp>
    </p:spTree>
    <p:extLst>
      <p:ext uri="{BB962C8B-B14F-4D97-AF65-F5344CB8AC3E}">
        <p14:creationId xmlns:p14="http://schemas.microsoft.com/office/powerpoint/2010/main" val="1903642658"/>
      </p:ext>
    </p:extLst>
  </p:cSld>
  <p:clrMapOvr>
    <a:masterClrMapping/>
  </p:clrMapOvr>
  <p:transition>
    <p:fade/>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A17B8AE-99E2-4883-94D8-A13CC923EF6A}"/>
              </a:ext>
            </a:extLst>
          </p:cNvPr>
          <p:cNvSpPr>
            <a:spLocks noGrp="1"/>
          </p:cNvSpPr>
          <p:nvPr>
            <p:ph type="title"/>
          </p:nvPr>
        </p:nvSpPr>
        <p:spPr/>
        <p:txBody>
          <a:bodyPr/>
          <a:lstStyle/>
          <a:p>
            <a:r>
              <a:rPr lang="es-CO" dirty="0"/>
              <a:t>Distribución</a:t>
            </a:r>
            <a:r>
              <a:rPr lang="en-US" dirty="0"/>
              <a:t> de Jet Fuel (CAF) / SAF</a:t>
            </a:r>
          </a:p>
        </p:txBody>
      </p:sp>
      <p:grpSp>
        <p:nvGrpSpPr>
          <p:cNvPr id="52" name="Group 51">
            <a:extLst>
              <a:ext uri="{FF2B5EF4-FFF2-40B4-BE49-F238E27FC236}">
                <a16:creationId xmlns:a16="http://schemas.microsoft.com/office/drawing/2014/main" id="{884649EB-5E5C-4CAC-80BB-CC5F42CF6C6F}"/>
              </a:ext>
            </a:extLst>
          </p:cNvPr>
          <p:cNvGrpSpPr/>
          <p:nvPr/>
        </p:nvGrpSpPr>
        <p:grpSpPr>
          <a:xfrm>
            <a:off x="1669756" y="2498358"/>
            <a:ext cx="8682057" cy="4993885"/>
            <a:chOff x="1581724" y="1402656"/>
            <a:chExt cx="8682057" cy="4993885"/>
          </a:xfrm>
        </p:grpSpPr>
        <p:grpSp>
          <p:nvGrpSpPr>
            <p:cNvPr id="53" name="Group 52">
              <a:extLst>
                <a:ext uri="{FF2B5EF4-FFF2-40B4-BE49-F238E27FC236}">
                  <a16:creationId xmlns:a16="http://schemas.microsoft.com/office/drawing/2014/main" id="{2779D906-D758-474E-BC41-CBFFE831D7CF}"/>
                </a:ext>
              </a:extLst>
            </p:cNvPr>
            <p:cNvGrpSpPr/>
            <p:nvPr/>
          </p:nvGrpSpPr>
          <p:grpSpPr>
            <a:xfrm>
              <a:off x="1581724" y="1402656"/>
              <a:ext cx="8682057" cy="4993885"/>
              <a:chOff x="180762" y="1615921"/>
              <a:chExt cx="8682057" cy="4993885"/>
            </a:xfrm>
          </p:grpSpPr>
          <p:pic>
            <p:nvPicPr>
              <p:cNvPr id="55" name="Picture 54">
                <a:extLst>
                  <a:ext uri="{FF2B5EF4-FFF2-40B4-BE49-F238E27FC236}">
                    <a16:creationId xmlns:a16="http://schemas.microsoft.com/office/drawing/2014/main" id="{B54D03FC-755E-4393-8323-E3EDD7D0FA3A}"/>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80762" y="2006293"/>
                <a:ext cx="8580322" cy="902130"/>
              </a:xfrm>
              <a:prstGeom prst="rect">
                <a:avLst/>
              </a:prstGeom>
            </p:spPr>
          </p:pic>
          <p:pic>
            <p:nvPicPr>
              <p:cNvPr id="56" name="Picture 55">
                <a:extLst>
                  <a:ext uri="{FF2B5EF4-FFF2-40B4-BE49-F238E27FC236}">
                    <a16:creationId xmlns:a16="http://schemas.microsoft.com/office/drawing/2014/main" id="{4ACA2EA1-9B21-4BC5-8254-F71F6740D317}"/>
                  </a:ext>
                </a:extLst>
              </p:cNvPr>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1269922" y="3082441"/>
                <a:ext cx="355287" cy="169451"/>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cxnSp>
            <p:nvCxnSpPr>
              <p:cNvPr id="57" name="Straight Connector 56">
                <a:extLst>
                  <a:ext uri="{FF2B5EF4-FFF2-40B4-BE49-F238E27FC236}">
                    <a16:creationId xmlns:a16="http://schemas.microsoft.com/office/drawing/2014/main" id="{7ABDFEEB-BB5E-42A4-B41A-97965EB602E6}"/>
                  </a:ext>
                </a:extLst>
              </p:cNvPr>
              <p:cNvCxnSpPr/>
              <p:nvPr/>
            </p:nvCxnSpPr>
            <p:spPr>
              <a:xfrm>
                <a:off x="1001388" y="3297976"/>
                <a:ext cx="720753" cy="0"/>
              </a:xfrm>
              <a:prstGeom prst="line">
                <a:avLst/>
              </a:prstGeom>
              <a:ln w="28575">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58" name="Straight Connector 57">
                <a:extLst>
                  <a:ext uri="{FF2B5EF4-FFF2-40B4-BE49-F238E27FC236}">
                    <a16:creationId xmlns:a16="http://schemas.microsoft.com/office/drawing/2014/main" id="{FB66722C-25AC-47ED-9B4C-07D3C96D4760}"/>
                  </a:ext>
                </a:extLst>
              </p:cNvPr>
              <p:cNvCxnSpPr/>
              <p:nvPr/>
            </p:nvCxnSpPr>
            <p:spPr>
              <a:xfrm flipV="1">
                <a:off x="1722142" y="2507989"/>
                <a:ext cx="0" cy="796805"/>
              </a:xfrm>
              <a:prstGeom prst="line">
                <a:avLst/>
              </a:prstGeom>
              <a:ln w="28575">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59" name="Straight Connector 58">
                <a:extLst>
                  <a:ext uri="{FF2B5EF4-FFF2-40B4-BE49-F238E27FC236}">
                    <a16:creationId xmlns:a16="http://schemas.microsoft.com/office/drawing/2014/main" id="{08545825-3FDA-4128-9239-242E8813EBC1}"/>
                  </a:ext>
                </a:extLst>
              </p:cNvPr>
              <p:cNvCxnSpPr/>
              <p:nvPr/>
            </p:nvCxnSpPr>
            <p:spPr>
              <a:xfrm flipH="1">
                <a:off x="1766765" y="1631914"/>
                <a:ext cx="0" cy="4977892"/>
              </a:xfrm>
              <a:prstGeom prst="line">
                <a:avLst/>
              </a:prstGeom>
              <a:ln w="3175">
                <a:solidFill>
                  <a:schemeClr val="bg1">
                    <a:lumMod val="50000"/>
                  </a:schemeClr>
                </a:solidFill>
                <a:prstDash val="dash"/>
              </a:ln>
            </p:spPr>
            <p:style>
              <a:lnRef idx="1">
                <a:schemeClr val="accent1"/>
              </a:lnRef>
              <a:fillRef idx="0">
                <a:schemeClr val="accent1"/>
              </a:fillRef>
              <a:effectRef idx="0">
                <a:schemeClr val="accent1"/>
              </a:effectRef>
              <a:fontRef idx="minor">
                <a:schemeClr val="tx1"/>
              </a:fontRef>
            </p:style>
          </p:cxnSp>
          <p:pic>
            <p:nvPicPr>
              <p:cNvPr id="60" name="Picture 36" descr="MCj02333930000[1]">
                <a:extLst>
                  <a:ext uri="{FF2B5EF4-FFF2-40B4-BE49-F238E27FC236}">
                    <a16:creationId xmlns:a16="http://schemas.microsoft.com/office/drawing/2014/main" id="{964B624F-D353-47AB-8384-AD0ED67C2BDC}"/>
                  </a:ext>
                </a:extLst>
              </p:cNvPr>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469767" y="2965074"/>
                <a:ext cx="687377" cy="52558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lgn="ctr">
                    <a:solidFill>
                      <a:srgbClr val="000000"/>
                    </a:solidFill>
                    <a:miter lim="800000"/>
                    <a:headEnd/>
                    <a:tailEnd/>
                  </a14:hiddenLine>
                </a:ext>
              </a:extLst>
            </p:spPr>
          </p:pic>
          <p:pic>
            <p:nvPicPr>
              <p:cNvPr id="61" name="Picture 10">
                <a:extLst>
                  <a:ext uri="{FF2B5EF4-FFF2-40B4-BE49-F238E27FC236}">
                    <a16:creationId xmlns:a16="http://schemas.microsoft.com/office/drawing/2014/main" id="{420237B5-9315-4EFF-AA5B-CED19CC91045}"/>
                  </a:ext>
                </a:extLst>
              </p:cNvPr>
              <p:cNvPicPr>
                <a:picLocks noChangeAspect="1" noChangeArrowheads="1"/>
              </p:cNvPicPr>
              <p:nvPr/>
            </p:nvPicPr>
            <p:blipFill>
              <a:blip r:embed="rId6" cstate="print">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4377469" y="2177613"/>
                <a:ext cx="585998" cy="27948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2" name="TextBox 61">
                <a:extLst>
                  <a:ext uri="{FF2B5EF4-FFF2-40B4-BE49-F238E27FC236}">
                    <a16:creationId xmlns:a16="http://schemas.microsoft.com/office/drawing/2014/main" id="{6C9CC4F7-7E55-493F-8E59-9F76F70F6AE0}"/>
                  </a:ext>
                </a:extLst>
              </p:cNvPr>
              <p:cNvSpPr txBox="1"/>
              <p:nvPr/>
            </p:nvSpPr>
            <p:spPr>
              <a:xfrm>
                <a:off x="3844465" y="1635364"/>
                <a:ext cx="1370953" cy="461665"/>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CO" sz="1200" b="0" i="0" u="none" strike="noStrike" kern="1200" cap="none" spc="0" normalizeH="0" baseline="0" dirty="0">
                    <a:ln>
                      <a:noFill/>
                    </a:ln>
                    <a:solidFill>
                      <a:prstClr val="black"/>
                    </a:solidFill>
                    <a:effectLst/>
                    <a:uLnTx/>
                    <a:uFillTx/>
                    <a:latin typeface="Aktiv Grotesk"/>
                    <a:ea typeface="+mn-ea"/>
                    <a:cs typeface="+mn-cs"/>
                  </a:rPr>
                  <a:t>Transporte al Aeropuerto</a:t>
                </a:r>
              </a:p>
            </p:txBody>
          </p:sp>
          <p:sp>
            <p:nvSpPr>
              <p:cNvPr id="63" name="TextBox 62">
                <a:extLst>
                  <a:ext uri="{FF2B5EF4-FFF2-40B4-BE49-F238E27FC236}">
                    <a16:creationId xmlns:a16="http://schemas.microsoft.com/office/drawing/2014/main" id="{FF59C3E8-489F-45EF-85E2-CA8A0B737578}"/>
                  </a:ext>
                </a:extLst>
              </p:cNvPr>
              <p:cNvSpPr txBox="1"/>
              <p:nvPr/>
            </p:nvSpPr>
            <p:spPr>
              <a:xfrm>
                <a:off x="1827204" y="1641549"/>
                <a:ext cx="1962051" cy="461665"/>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CO" sz="1200" b="0" i="0" u="none" strike="noStrike" kern="1200" cap="none" spc="0" normalizeH="0" baseline="0" dirty="0">
                    <a:ln>
                      <a:noFill/>
                    </a:ln>
                    <a:solidFill>
                      <a:prstClr val="black"/>
                    </a:solidFill>
                    <a:effectLst/>
                    <a:uLnTx/>
                    <a:uFillTx/>
                    <a:latin typeface="Aktiv Grotesk"/>
                    <a:ea typeface="+mn-ea"/>
                    <a:cs typeface="+mn-cs"/>
                  </a:rPr>
                  <a:t>Infraestructura antes del aeropuerto</a:t>
                </a:r>
              </a:p>
            </p:txBody>
          </p:sp>
          <p:sp>
            <p:nvSpPr>
              <p:cNvPr id="64" name="TextBox 63">
                <a:extLst>
                  <a:ext uri="{FF2B5EF4-FFF2-40B4-BE49-F238E27FC236}">
                    <a16:creationId xmlns:a16="http://schemas.microsoft.com/office/drawing/2014/main" id="{C804C177-CD93-4D52-BBEC-196D3B45F88D}"/>
                  </a:ext>
                </a:extLst>
              </p:cNvPr>
              <p:cNvSpPr txBox="1"/>
              <p:nvPr/>
            </p:nvSpPr>
            <p:spPr>
              <a:xfrm>
                <a:off x="281862" y="1641483"/>
                <a:ext cx="1425482" cy="276999"/>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200" dirty="0">
                    <a:solidFill>
                      <a:prstClr val="black"/>
                    </a:solidFill>
                    <a:latin typeface="Aktiv Grotesk"/>
                  </a:rPr>
                  <a:t>Origen</a:t>
                </a:r>
                <a:endParaRPr kumimoji="0" lang="en-US" sz="1200" b="0" i="0" u="none" strike="noStrike" kern="1200" cap="none" spc="0" normalizeH="0" baseline="0" noProof="0" dirty="0">
                  <a:ln>
                    <a:noFill/>
                  </a:ln>
                  <a:solidFill>
                    <a:prstClr val="black"/>
                  </a:solidFill>
                  <a:effectLst/>
                  <a:uLnTx/>
                  <a:uFillTx/>
                  <a:latin typeface="Aktiv Grotesk"/>
                  <a:ea typeface="+mn-ea"/>
                  <a:cs typeface="+mn-cs"/>
                </a:endParaRPr>
              </a:p>
            </p:txBody>
          </p:sp>
          <p:sp>
            <p:nvSpPr>
              <p:cNvPr id="65" name="TextBox 64">
                <a:extLst>
                  <a:ext uri="{FF2B5EF4-FFF2-40B4-BE49-F238E27FC236}">
                    <a16:creationId xmlns:a16="http://schemas.microsoft.com/office/drawing/2014/main" id="{749F3A8C-9E9E-4EFD-81DC-EE4393BECB4F}"/>
                  </a:ext>
                </a:extLst>
              </p:cNvPr>
              <p:cNvSpPr txBox="1"/>
              <p:nvPr/>
            </p:nvSpPr>
            <p:spPr>
              <a:xfrm>
                <a:off x="5233640" y="1633639"/>
                <a:ext cx="1740396" cy="646331"/>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CO" sz="1200" b="0" i="0" u="none" strike="noStrike" kern="1200" cap="none" spc="0" normalizeH="0" baseline="0" dirty="0">
                    <a:ln>
                      <a:noFill/>
                    </a:ln>
                    <a:solidFill>
                      <a:prstClr val="black"/>
                    </a:solidFill>
                    <a:effectLst/>
                    <a:uLnTx/>
                    <a:uFillTx/>
                    <a:latin typeface="Aktiv Grotesk"/>
                    <a:ea typeface="+mn-ea"/>
                    <a:cs typeface="+mn-cs"/>
                  </a:rPr>
                  <a:t>Almacenamiento en el Aeropuerto y redes de hidrantes</a:t>
                </a:r>
              </a:p>
            </p:txBody>
          </p:sp>
          <p:sp>
            <p:nvSpPr>
              <p:cNvPr id="66" name="TextBox 65">
                <a:extLst>
                  <a:ext uri="{FF2B5EF4-FFF2-40B4-BE49-F238E27FC236}">
                    <a16:creationId xmlns:a16="http://schemas.microsoft.com/office/drawing/2014/main" id="{6D88428F-1839-4D56-BC12-1B1B087A46AE}"/>
                  </a:ext>
                </a:extLst>
              </p:cNvPr>
              <p:cNvSpPr txBox="1"/>
              <p:nvPr/>
            </p:nvSpPr>
            <p:spPr>
              <a:xfrm>
                <a:off x="7122423" y="1675508"/>
                <a:ext cx="1740396" cy="276999"/>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MX" sz="1200" b="0" i="0" u="none" strike="noStrike" kern="1200" cap="none" spc="0" normalizeH="0" baseline="0" noProof="0">
                    <a:ln>
                      <a:noFill/>
                    </a:ln>
                    <a:solidFill>
                      <a:prstClr val="black"/>
                    </a:solidFill>
                    <a:effectLst/>
                    <a:uLnTx/>
                    <a:uFillTx/>
                    <a:latin typeface="Aktiv Grotesk"/>
                    <a:ea typeface="+mn-ea"/>
                    <a:cs typeface="+mn-cs"/>
                  </a:rPr>
                  <a:t>Into-plane</a:t>
                </a:r>
              </a:p>
            </p:txBody>
          </p:sp>
          <p:cxnSp>
            <p:nvCxnSpPr>
              <p:cNvPr id="67" name="Straight Connector 66">
                <a:extLst>
                  <a:ext uri="{FF2B5EF4-FFF2-40B4-BE49-F238E27FC236}">
                    <a16:creationId xmlns:a16="http://schemas.microsoft.com/office/drawing/2014/main" id="{4A185D76-C593-4586-A030-7AC640C4AAC1}"/>
                  </a:ext>
                </a:extLst>
              </p:cNvPr>
              <p:cNvCxnSpPr/>
              <p:nvPr/>
            </p:nvCxnSpPr>
            <p:spPr>
              <a:xfrm flipH="1">
                <a:off x="3807477" y="1615921"/>
                <a:ext cx="0" cy="4977892"/>
              </a:xfrm>
              <a:prstGeom prst="line">
                <a:avLst/>
              </a:prstGeom>
              <a:ln w="3175">
                <a:solidFill>
                  <a:schemeClr val="bg1">
                    <a:lumMod val="50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68" name="Straight Connector 67">
                <a:extLst>
                  <a:ext uri="{FF2B5EF4-FFF2-40B4-BE49-F238E27FC236}">
                    <a16:creationId xmlns:a16="http://schemas.microsoft.com/office/drawing/2014/main" id="{15EA1E48-F482-4A5A-9FBC-4BD7C6DE60FF}"/>
                  </a:ext>
                </a:extLst>
              </p:cNvPr>
              <p:cNvCxnSpPr/>
              <p:nvPr/>
            </p:nvCxnSpPr>
            <p:spPr>
              <a:xfrm flipH="1">
                <a:off x="5209513" y="1615921"/>
                <a:ext cx="0" cy="4977892"/>
              </a:xfrm>
              <a:prstGeom prst="line">
                <a:avLst/>
              </a:prstGeom>
              <a:ln w="3175">
                <a:solidFill>
                  <a:schemeClr val="bg1">
                    <a:lumMod val="50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69" name="Straight Connector 68">
                <a:extLst>
                  <a:ext uri="{FF2B5EF4-FFF2-40B4-BE49-F238E27FC236}">
                    <a16:creationId xmlns:a16="http://schemas.microsoft.com/office/drawing/2014/main" id="{1AF057C8-0329-44E6-B06B-4AFEDE1FE11F}"/>
                  </a:ext>
                </a:extLst>
              </p:cNvPr>
              <p:cNvCxnSpPr/>
              <p:nvPr/>
            </p:nvCxnSpPr>
            <p:spPr>
              <a:xfrm flipH="1">
                <a:off x="7122423" y="1615921"/>
                <a:ext cx="0" cy="4977892"/>
              </a:xfrm>
              <a:prstGeom prst="line">
                <a:avLst/>
              </a:prstGeom>
              <a:ln w="3175">
                <a:solidFill>
                  <a:schemeClr val="bg1">
                    <a:lumMod val="50000"/>
                  </a:schemeClr>
                </a:solidFill>
                <a:prstDash val="dash"/>
              </a:ln>
            </p:spPr>
            <p:style>
              <a:lnRef idx="1">
                <a:schemeClr val="accent1"/>
              </a:lnRef>
              <a:fillRef idx="0">
                <a:schemeClr val="accent1"/>
              </a:fillRef>
              <a:effectRef idx="0">
                <a:schemeClr val="accent1"/>
              </a:effectRef>
              <a:fontRef idx="minor">
                <a:schemeClr val="tx1"/>
              </a:fontRef>
            </p:style>
          </p:cxnSp>
        </p:grpSp>
        <p:pic>
          <p:nvPicPr>
            <p:cNvPr id="54" name="Picture 2" descr="Steam Logo - transparent png image">
              <a:extLst>
                <a:ext uri="{FF2B5EF4-FFF2-40B4-BE49-F238E27FC236}">
                  <a16:creationId xmlns:a16="http://schemas.microsoft.com/office/drawing/2014/main" id="{13CB2E90-A4A3-4C46-95D0-B03EB1B929F8}"/>
                </a:ext>
              </a:extLst>
            </p:cNvPr>
            <p:cNvPicPr>
              <a:picLocks noChangeAspect="1" noChangeArrowheads="1"/>
            </p:cNvPicPr>
            <p:nvPr/>
          </p:nvPicPr>
          <p:blipFill rotWithShape="1">
            <a:blip r:embed="rId7">
              <a:clrChange>
                <a:clrFrom>
                  <a:srgbClr val="EEEEEE"/>
                </a:clrFrom>
                <a:clrTo>
                  <a:srgbClr val="EEEEEE">
                    <a:alpha val="0"/>
                  </a:srgbClr>
                </a:clrTo>
              </a:clrChange>
              <a:extLst>
                <a:ext uri="{28A0092B-C50C-407E-A947-70E740481C1C}">
                  <a14:useLocalDpi xmlns:a14="http://schemas.microsoft.com/office/drawing/2010/main" val="0"/>
                </a:ext>
              </a:extLst>
            </a:blip>
            <a:srcRect l="20986" t="39443" r="20575" b="9789"/>
            <a:stretch/>
          </p:blipFill>
          <p:spPr bwMode="auto">
            <a:xfrm flipH="1">
              <a:off x="5278517" y="1987904"/>
              <a:ext cx="462963" cy="232375"/>
            </a:xfrm>
            <a:prstGeom prst="rect">
              <a:avLst/>
            </a:prstGeom>
            <a:noFill/>
            <a:extLst>
              <a:ext uri="{909E8E84-426E-40DD-AFC4-6F175D3DCCD1}">
                <a14:hiddenFill xmlns:a14="http://schemas.microsoft.com/office/drawing/2010/main">
                  <a:solidFill>
                    <a:srgbClr val="FFFFFF"/>
                  </a:solidFill>
                </a14:hiddenFill>
              </a:ext>
            </a:extLst>
          </p:spPr>
        </p:pic>
      </p:grpSp>
      <p:sp>
        <p:nvSpPr>
          <p:cNvPr id="22" name="TextBox 21">
            <a:extLst>
              <a:ext uri="{FF2B5EF4-FFF2-40B4-BE49-F238E27FC236}">
                <a16:creationId xmlns:a16="http://schemas.microsoft.com/office/drawing/2014/main" id="{17FD7496-CDE6-4BCE-BA47-6B957FB01B96}"/>
              </a:ext>
            </a:extLst>
          </p:cNvPr>
          <p:cNvSpPr txBox="1"/>
          <p:nvPr/>
        </p:nvSpPr>
        <p:spPr>
          <a:xfrm>
            <a:off x="102002" y="1854112"/>
            <a:ext cx="2097423" cy="523220"/>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s-CO" sz="1400" b="0" i="0" u="none" strike="noStrike" kern="1200" cap="none" spc="0" normalizeH="0" baseline="0" dirty="0">
                <a:ln>
                  <a:noFill/>
                </a:ln>
                <a:solidFill>
                  <a:prstClr val="black"/>
                </a:solidFill>
                <a:effectLst/>
                <a:uLnTx/>
                <a:uFillTx/>
                <a:latin typeface="Aktiv Grotesk"/>
                <a:ea typeface="+mn-ea"/>
                <a:cs typeface="+mn-cs"/>
              </a:rPr>
              <a:t>Especificaciones</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400" dirty="0">
                <a:solidFill>
                  <a:prstClr val="black"/>
                </a:solidFill>
                <a:latin typeface="Aktiv Grotesk"/>
              </a:rPr>
              <a:t>Jet Fuel </a:t>
            </a:r>
            <a:endParaRPr kumimoji="0" lang="en-US" sz="1400" b="0" i="0" u="none" strike="noStrike" kern="1200" cap="none" spc="0" normalizeH="0" baseline="0" noProof="0" dirty="0">
              <a:ln>
                <a:noFill/>
              </a:ln>
              <a:solidFill>
                <a:prstClr val="black"/>
              </a:solidFill>
              <a:effectLst/>
              <a:uLnTx/>
              <a:uFillTx/>
              <a:latin typeface="Aktiv Grotesk"/>
              <a:ea typeface="+mn-ea"/>
              <a:cs typeface="+mn-cs"/>
            </a:endParaRPr>
          </a:p>
        </p:txBody>
      </p:sp>
      <p:sp>
        <p:nvSpPr>
          <p:cNvPr id="4" name="Rectangle: Rounded Corners 3">
            <a:extLst>
              <a:ext uri="{FF2B5EF4-FFF2-40B4-BE49-F238E27FC236}">
                <a16:creationId xmlns:a16="http://schemas.microsoft.com/office/drawing/2014/main" id="{CDC1831C-C414-4F11-A839-A7DF7E090278}"/>
              </a:ext>
            </a:extLst>
          </p:cNvPr>
          <p:cNvSpPr/>
          <p:nvPr/>
        </p:nvSpPr>
        <p:spPr>
          <a:xfrm>
            <a:off x="1754633" y="1705357"/>
            <a:ext cx="8984607" cy="64633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prstClr val="white"/>
                </a:solidFill>
                <a:effectLst/>
                <a:uLnTx/>
                <a:uFillTx/>
                <a:latin typeface="Aktiv Grotesk"/>
                <a:ea typeface="+mn-ea"/>
                <a:cs typeface="+mn-cs"/>
              </a:rPr>
              <a:t>ASTM D1655* (Jet A or Jet A-1)</a:t>
            </a:r>
          </a:p>
        </p:txBody>
      </p:sp>
      <p:sp>
        <p:nvSpPr>
          <p:cNvPr id="3" name="Rectangle: Rounded Corners 2">
            <a:extLst>
              <a:ext uri="{FF2B5EF4-FFF2-40B4-BE49-F238E27FC236}">
                <a16:creationId xmlns:a16="http://schemas.microsoft.com/office/drawing/2014/main" id="{F239CF84-D6D6-0D81-B548-D373ED3E043F}"/>
              </a:ext>
            </a:extLst>
          </p:cNvPr>
          <p:cNvSpPr/>
          <p:nvPr/>
        </p:nvSpPr>
        <p:spPr>
          <a:xfrm>
            <a:off x="1669756" y="4668430"/>
            <a:ext cx="1939675" cy="665964"/>
          </a:xfrm>
          <a:prstGeom prst="roundRect">
            <a:avLst/>
          </a:prstGeom>
          <a:solidFill>
            <a:srgbClr val="00B050"/>
          </a:solidFill>
          <a:ln>
            <a:solidFill>
              <a:schemeClr val="accent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CO" sz="1400" b="0" i="0" u="none" strike="noStrike" kern="1200" cap="none" spc="0" normalizeH="0" baseline="0" noProof="0" dirty="0" err="1">
                <a:ln>
                  <a:noFill/>
                </a:ln>
                <a:solidFill>
                  <a:prstClr val="white"/>
                </a:solidFill>
                <a:effectLst/>
                <a:uLnTx/>
                <a:uFillTx/>
                <a:latin typeface="Aktiv Grotesk"/>
                <a:ea typeface="+mn-ea"/>
                <a:cs typeface="+mn-cs"/>
              </a:rPr>
              <a:t>Co-procesamiento</a:t>
            </a:r>
            <a:r>
              <a:rPr kumimoji="0" lang="es-CO" sz="1400" b="0" i="0" u="none" strike="noStrike" kern="1200" cap="none" spc="0" normalizeH="0" baseline="0" noProof="0" dirty="0">
                <a:ln>
                  <a:noFill/>
                </a:ln>
                <a:solidFill>
                  <a:prstClr val="white"/>
                </a:solidFill>
                <a:effectLst/>
                <a:uLnTx/>
                <a:uFillTx/>
                <a:latin typeface="Aktiv Grotesk"/>
                <a:ea typeface="+mn-ea"/>
                <a:cs typeface="+mn-cs"/>
              </a:rPr>
              <a:t> o producción dedicada de SAF</a:t>
            </a:r>
          </a:p>
        </p:txBody>
      </p:sp>
      <p:sp>
        <p:nvSpPr>
          <p:cNvPr id="5" name="Rectangle: Rounded Corners 4">
            <a:extLst>
              <a:ext uri="{FF2B5EF4-FFF2-40B4-BE49-F238E27FC236}">
                <a16:creationId xmlns:a16="http://schemas.microsoft.com/office/drawing/2014/main" id="{E862F492-3A3D-7BB1-F708-036F4F238118}"/>
              </a:ext>
            </a:extLst>
          </p:cNvPr>
          <p:cNvSpPr/>
          <p:nvPr/>
        </p:nvSpPr>
        <p:spPr>
          <a:xfrm>
            <a:off x="3767179" y="4688063"/>
            <a:ext cx="4957631" cy="646330"/>
          </a:xfrm>
          <a:prstGeom prst="roundRect">
            <a:avLst/>
          </a:prstGeom>
          <a:solidFill>
            <a:srgbClr val="00B050"/>
          </a:solidFill>
          <a:ln>
            <a:solidFill>
              <a:schemeClr val="accent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CO" sz="1400" b="0" i="0" u="none" strike="noStrike" kern="1200" cap="none" spc="0" normalizeH="0" baseline="0" noProof="0" dirty="0">
                <a:ln>
                  <a:noFill/>
                </a:ln>
                <a:solidFill>
                  <a:prstClr val="white"/>
                </a:solidFill>
                <a:effectLst/>
                <a:uLnTx/>
                <a:uFillTx/>
                <a:latin typeface="Aktiv Grotesk"/>
                <a:ea typeface="+mn-ea"/>
                <a:cs typeface="+mn-cs"/>
              </a:rPr>
              <a:t>Potenciales puntos de mezcla</a:t>
            </a:r>
          </a:p>
        </p:txBody>
      </p:sp>
      <p:sp>
        <p:nvSpPr>
          <p:cNvPr id="6" name="TextBox 5">
            <a:extLst>
              <a:ext uri="{FF2B5EF4-FFF2-40B4-BE49-F238E27FC236}">
                <a16:creationId xmlns:a16="http://schemas.microsoft.com/office/drawing/2014/main" id="{6F3B119E-F073-F6D2-F864-14339F810898}"/>
              </a:ext>
            </a:extLst>
          </p:cNvPr>
          <p:cNvSpPr txBox="1"/>
          <p:nvPr/>
        </p:nvSpPr>
        <p:spPr>
          <a:xfrm>
            <a:off x="71120" y="4826562"/>
            <a:ext cx="2097423" cy="307777"/>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s-CO" sz="1400" b="0" i="0" u="none" strike="noStrike" kern="1200" cap="none" spc="0" normalizeH="0" baseline="0" dirty="0">
                <a:ln>
                  <a:noFill/>
                </a:ln>
                <a:solidFill>
                  <a:prstClr val="black"/>
                </a:solidFill>
                <a:effectLst/>
                <a:uLnTx/>
                <a:uFillTx/>
                <a:latin typeface="Aktiv Grotesk"/>
                <a:ea typeface="+mn-ea"/>
                <a:cs typeface="+mn-cs"/>
              </a:rPr>
              <a:t>Producto</a:t>
            </a:r>
          </a:p>
        </p:txBody>
      </p:sp>
      <p:sp>
        <p:nvSpPr>
          <p:cNvPr id="7" name="Arrow: Up 6">
            <a:extLst>
              <a:ext uri="{FF2B5EF4-FFF2-40B4-BE49-F238E27FC236}">
                <a16:creationId xmlns:a16="http://schemas.microsoft.com/office/drawing/2014/main" id="{31E207F8-4641-1AA3-1EFE-3106DCC0D37C}"/>
              </a:ext>
            </a:extLst>
          </p:cNvPr>
          <p:cNvSpPr/>
          <p:nvPr/>
        </p:nvSpPr>
        <p:spPr>
          <a:xfrm>
            <a:off x="4324338" y="3581142"/>
            <a:ext cx="330620" cy="1012775"/>
          </a:xfrm>
          <a:prstGeom prst="upArrow">
            <a:avLst/>
          </a:prstGeom>
          <a:solidFill>
            <a:srgbClr val="00B050"/>
          </a:solidFill>
          <a:ln>
            <a:solidFill>
              <a:srgbClr val="00B050"/>
            </a:solidFill>
          </a:ln>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Aktiv Grotesk"/>
              <a:ea typeface="+mn-ea"/>
              <a:cs typeface="+mn-cs"/>
            </a:endParaRPr>
          </a:p>
        </p:txBody>
      </p:sp>
      <p:sp>
        <p:nvSpPr>
          <p:cNvPr id="8" name="Arrow: Up 7">
            <a:extLst>
              <a:ext uri="{FF2B5EF4-FFF2-40B4-BE49-F238E27FC236}">
                <a16:creationId xmlns:a16="http://schemas.microsoft.com/office/drawing/2014/main" id="{5855E66A-9E43-8C50-C70B-2A1AEC8364DD}"/>
              </a:ext>
            </a:extLst>
          </p:cNvPr>
          <p:cNvSpPr/>
          <p:nvPr/>
        </p:nvSpPr>
        <p:spPr>
          <a:xfrm>
            <a:off x="7452807" y="3579110"/>
            <a:ext cx="330620" cy="1012775"/>
          </a:xfrm>
          <a:prstGeom prst="upArrow">
            <a:avLst/>
          </a:prstGeom>
          <a:solidFill>
            <a:srgbClr val="00B050"/>
          </a:solidFill>
          <a:ln>
            <a:solidFill>
              <a:srgbClr val="00B050"/>
            </a:solidFill>
          </a:ln>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Aktiv Grotesk"/>
              <a:ea typeface="+mn-ea"/>
              <a:cs typeface="+mn-cs"/>
            </a:endParaRPr>
          </a:p>
        </p:txBody>
      </p:sp>
      <p:sp>
        <p:nvSpPr>
          <p:cNvPr id="9" name="Arrow: Up 8">
            <a:extLst>
              <a:ext uri="{FF2B5EF4-FFF2-40B4-BE49-F238E27FC236}">
                <a16:creationId xmlns:a16="http://schemas.microsoft.com/office/drawing/2014/main" id="{84A24339-6C10-02F8-ED2D-43CA1517DDBD}"/>
              </a:ext>
            </a:extLst>
          </p:cNvPr>
          <p:cNvSpPr/>
          <p:nvPr/>
        </p:nvSpPr>
        <p:spPr>
          <a:xfrm>
            <a:off x="9510319" y="3595035"/>
            <a:ext cx="330620" cy="1012775"/>
          </a:xfrm>
          <a:prstGeom prst="upArrow">
            <a:avLst/>
          </a:prstGeom>
          <a:noFill/>
          <a:ln>
            <a:solidFill>
              <a:srgbClr val="00B050"/>
            </a:solidFill>
            <a:prstDash val="sysDash"/>
          </a:ln>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Aktiv Grotesk"/>
              <a:ea typeface="+mn-ea"/>
              <a:cs typeface="+mn-cs"/>
            </a:endParaRPr>
          </a:p>
        </p:txBody>
      </p:sp>
      <p:sp>
        <p:nvSpPr>
          <p:cNvPr id="10" name="Rectangle: Rounded Corners 9">
            <a:extLst>
              <a:ext uri="{FF2B5EF4-FFF2-40B4-BE49-F238E27FC236}">
                <a16:creationId xmlns:a16="http://schemas.microsoft.com/office/drawing/2014/main" id="{1D102FCE-6E13-844F-6750-DAEBE74030D0}"/>
              </a:ext>
            </a:extLst>
          </p:cNvPr>
          <p:cNvSpPr/>
          <p:nvPr/>
        </p:nvSpPr>
        <p:spPr>
          <a:xfrm>
            <a:off x="8724810" y="4688063"/>
            <a:ext cx="1901639" cy="646330"/>
          </a:xfrm>
          <a:prstGeom prst="roundRect">
            <a:avLst/>
          </a:prstGeom>
          <a:noFill/>
          <a:ln>
            <a:solidFill>
              <a:schemeClr val="accent4"/>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CO" sz="1400" b="0" i="0" u="none" strike="noStrike" kern="1200" cap="none" spc="0" normalizeH="0" baseline="0" dirty="0">
                <a:ln>
                  <a:noFill/>
                </a:ln>
                <a:solidFill>
                  <a:srgbClr val="00B050"/>
                </a:solidFill>
                <a:effectLst/>
                <a:uLnTx/>
                <a:uFillTx/>
                <a:latin typeface="Aktiv Grotesk"/>
                <a:ea typeface="+mn-ea"/>
                <a:cs typeface="+mn-cs"/>
              </a:rPr>
              <a:t>Vuelos</a:t>
            </a:r>
          </a:p>
        </p:txBody>
      </p:sp>
      <p:sp>
        <p:nvSpPr>
          <p:cNvPr id="11" name="Rectangle: Rounded Corners 10">
            <a:extLst>
              <a:ext uri="{FF2B5EF4-FFF2-40B4-BE49-F238E27FC236}">
                <a16:creationId xmlns:a16="http://schemas.microsoft.com/office/drawing/2014/main" id="{F6CE9FC3-133E-4F18-C4C8-45AB0DD6D07F}"/>
              </a:ext>
            </a:extLst>
          </p:cNvPr>
          <p:cNvSpPr/>
          <p:nvPr/>
        </p:nvSpPr>
        <p:spPr>
          <a:xfrm>
            <a:off x="1698798" y="5495811"/>
            <a:ext cx="8908171" cy="646330"/>
          </a:xfrm>
          <a:prstGeom prst="roundRect">
            <a:avLst/>
          </a:prstGeom>
          <a:solidFill>
            <a:srgbClr val="00B050"/>
          </a:solidFill>
          <a:ln>
            <a:solidFill>
              <a:schemeClr val="accent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CO" sz="1400" b="0" i="0" u="none" strike="noStrike" kern="1200" cap="none" spc="0" normalizeH="0" baseline="0" noProof="0" dirty="0">
                <a:ln>
                  <a:noFill/>
                </a:ln>
                <a:solidFill>
                  <a:prstClr val="white"/>
                </a:solidFill>
                <a:effectLst/>
                <a:uLnTx/>
                <a:uFillTx/>
                <a:latin typeface="Aktiv Grotesk"/>
                <a:ea typeface="+mn-ea"/>
                <a:cs typeface="+mn-cs"/>
              </a:rPr>
              <a:t>Igual </a:t>
            </a:r>
            <a:r>
              <a:rPr kumimoji="0" lang="es-CO" sz="1400" b="0" i="0" u="none" strike="noStrike" kern="1200" cap="none" spc="0" normalizeH="0" baseline="0" noProof="0" dirty="0" err="1">
                <a:ln>
                  <a:noFill/>
                </a:ln>
                <a:solidFill>
                  <a:prstClr val="white"/>
                </a:solidFill>
                <a:effectLst/>
                <a:uLnTx/>
                <a:uFillTx/>
                <a:latin typeface="Aktiv Grotesk"/>
                <a:ea typeface="+mn-ea"/>
                <a:cs typeface="+mn-cs"/>
              </a:rPr>
              <a:t>qu</a:t>
            </a:r>
            <a:r>
              <a:rPr lang="es-CO" sz="1400" dirty="0">
                <a:solidFill>
                  <a:prstClr val="white"/>
                </a:solidFill>
                <a:latin typeface="Aktiv Grotesk"/>
              </a:rPr>
              <a:t>e el Jet Fuel + Criterios de Sostenibilidad</a:t>
            </a:r>
            <a:endParaRPr kumimoji="0" lang="es-CO" sz="1400" b="0" i="0" u="none" strike="noStrike" kern="1200" cap="none" spc="0" normalizeH="0" baseline="0" noProof="0" dirty="0">
              <a:ln>
                <a:noFill/>
              </a:ln>
              <a:solidFill>
                <a:prstClr val="white"/>
              </a:solidFill>
              <a:effectLst/>
              <a:uLnTx/>
              <a:uFillTx/>
              <a:latin typeface="Aktiv Grotesk"/>
              <a:ea typeface="+mn-ea"/>
              <a:cs typeface="+mn-cs"/>
            </a:endParaRPr>
          </a:p>
        </p:txBody>
      </p:sp>
      <p:sp>
        <p:nvSpPr>
          <p:cNvPr id="12" name="TextBox 11">
            <a:extLst>
              <a:ext uri="{FF2B5EF4-FFF2-40B4-BE49-F238E27FC236}">
                <a16:creationId xmlns:a16="http://schemas.microsoft.com/office/drawing/2014/main" id="{9F68FD52-8DB0-2529-EF0D-5E4C7ED99585}"/>
              </a:ext>
            </a:extLst>
          </p:cNvPr>
          <p:cNvSpPr txBox="1"/>
          <p:nvPr/>
        </p:nvSpPr>
        <p:spPr>
          <a:xfrm>
            <a:off x="52829" y="5641293"/>
            <a:ext cx="2097423" cy="307777"/>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s-CO" sz="1400" b="0" i="0" u="none" strike="noStrike" kern="1200" cap="none" spc="0" normalizeH="0" baseline="0" dirty="0">
                <a:ln>
                  <a:noFill/>
                </a:ln>
                <a:solidFill>
                  <a:prstClr val="black"/>
                </a:solidFill>
                <a:effectLst/>
                <a:uLnTx/>
                <a:uFillTx/>
                <a:latin typeface="Aktiv Grotesk"/>
                <a:ea typeface="+mn-ea"/>
                <a:cs typeface="+mn-cs"/>
              </a:rPr>
              <a:t>Certificación</a:t>
            </a:r>
          </a:p>
        </p:txBody>
      </p:sp>
      <p:sp>
        <p:nvSpPr>
          <p:cNvPr id="13" name="Footer Placeholder 3">
            <a:extLst>
              <a:ext uri="{FF2B5EF4-FFF2-40B4-BE49-F238E27FC236}">
                <a16:creationId xmlns:a16="http://schemas.microsoft.com/office/drawing/2014/main" id="{BF57A4FE-240D-91C3-1848-03FA3F48343A}"/>
              </a:ext>
            </a:extLst>
          </p:cNvPr>
          <p:cNvSpPr>
            <a:spLocks noGrp="1"/>
          </p:cNvSpPr>
          <p:nvPr>
            <p:ph type="ftr" sz="quarter" idx="11"/>
          </p:nvPr>
        </p:nvSpPr>
        <p:spPr>
          <a:xfrm>
            <a:off x="955370" y="6162324"/>
            <a:ext cx="4950130" cy="365125"/>
          </a:xfrm>
        </p:spPr>
        <p:txBody>
          <a:bodyPr/>
          <a:lstStyle/>
          <a:p>
            <a:r>
              <a:rPr lang="es-CO" dirty="0"/>
              <a:t>MESA TÉCNICA No. 2: Cadena de Suministro de Avión</a:t>
            </a:r>
          </a:p>
        </p:txBody>
      </p:sp>
      <p:sp>
        <p:nvSpPr>
          <p:cNvPr id="14" name="Date Placeholder 4">
            <a:extLst>
              <a:ext uri="{FF2B5EF4-FFF2-40B4-BE49-F238E27FC236}">
                <a16:creationId xmlns:a16="http://schemas.microsoft.com/office/drawing/2014/main" id="{BB6679D9-B4A6-CD38-51D9-A0853EFC1C43}"/>
              </a:ext>
            </a:extLst>
          </p:cNvPr>
          <p:cNvSpPr>
            <a:spLocks noGrp="1"/>
          </p:cNvSpPr>
          <p:nvPr>
            <p:ph type="dt" sz="half" idx="10"/>
          </p:nvPr>
        </p:nvSpPr>
        <p:spPr>
          <a:xfrm>
            <a:off x="6286500" y="6162324"/>
            <a:ext cx="2743200" cy="365125"/>
          </a:xfrm>
        </p:spPr>
        <p:txBody>
          <a:bodyPr/>
          <a:lstStyle/>
          <a:p>
            <a:pPr>
              <a:spcAft>
                <a:spcPts val="600"/>
              </a:spcAft>
            </a:pPr>
            <a:fld id="{97C326BA-A1F7-4E33-88FC-B76359D35FF4}" type="datetime3">
              <a:rPr lang="en-US" smtClean="0"/>
              <a:pPr>
                <a:spcAft>
                  <a:spcPts val="600"/>
                </a:spcAft>
              </a:pPr>
              <a:t>8 November 2023</a:t>
            </a:fld>
            <a:endParaRPr lang="en-US" dirty="0"/>
          </a:p>
        </p:txBody>
      </p:sp>
      <p:sp>
        <p:nvSpPr>
          <p:cNvPr id="15" name="Slide Number Placeholder 6">
            <a:extLst>
              <a:ext uri="{FF2B5EF4-FFF2-40B4-BE49-F238E27FC236}">
                <a16:creationId xmlns:a16="http://schemas.microsoft.com/office/drawing/2014/main" id="{87545C0E-F18C-1843-D5BA-B0E7DEA628EF}"/>
              </a:ext>
            </a:extLst>
          </p:cNvPr>
          <p:cNvSpPr>
            <a:spLocks noGrp="1"/>
          </p:cNvSpPr>
          <p:nvPr>
            <p:ph type="sldNum" sz="quarter" idx="12"/>
          </p:nvPr>
        </p:nvSpPr>
        <p:spPr>
          <a:xfrm>
            <a:off x="381000" y="6162324"/>
            <a:ext cx="457200" cy="365125"/>
          </a:xfrm>
        </p:spPr>
        <p:txBody>
          <a:bodyPr/>
          <a:lstStyle/>
          <a:p>
            <a:pPr>
              <a:spcAft>
                <a:spcPts val="600"/>
              </a:spcAft>
            </a:pPr>
            <a:fld id="{1A9E565A-6679-4A67-8FB7-14EA342FD6E1}" type="slidenum">
              <a:rPr lang="en-US" smtClean="0"/>
              <a:pPr>
                <a:spcAft>
                  <a:spcPts val="600"/>
                </a:spcAft>
              </a:pPr>
              <a:t>5</a:t>
            </a:fld>
            <a:endParaRPr lang="en-US"/>
          </a:p>
        </p:txBody>
      </p:sp>
      <p:sp>
        <p:nvSpPr>
          <p:cNvPr id="16" name="Rectangle: Rounded Corners 15">
            <a:extLst>
              <a:ext uri="{FF2B5EF4-FFF2-40B4-BE49-F238E27FC236}">
                <a16:creationId xmlns:a16="http://schemas.microsoft.com/office/drawing/2014/main" id="{320A251F-8F98-CFDC-95BC-595CAE0F3A62}"/>
              </a:ext>
            </a:extLst>
          </p:cNvPr>
          <p:cNvSpPr/>
          <p:nvPr/>
        </p:nvSpPr>
        <p:spPr>
          <a:xfrm>
            <a:off x="10677866" y="2869457"/>
            <a:ext cx="1360254" cy="64633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prstClr val="white"/>
                </a:solidFill>
                <a:effectLst/>
                <a:uLnTx/>
                <a:uFillTx/>
                <a:latin typeface="Aktiv Grotesk"/>
                <a:ea typeface="+mn-ea"/>
                <a:cs typeface="+mn-cs"/>
              </a:rPr>
              <a:t>CAF</a:t>
            </a:r>
          </a:p>
        </p:txBody>
      </p:sp>
      <p:sp>
        <p:nvSpPr>
          <p:cNvPr id="17" name="Rectangle: Rounded Corners 16">
            <a:extLst>
              <a:ext uri="{FF2B5EF4-FFF2-40B4-BE49-F238E27FC236}">
                <a16:creationId xmlns:a16="http://schemas.microsoft.com/office/drawing/2014/main" id="{89DDA808-C8E4-D25C-6847-3C4123F90F5C}"/>
              </a:ext>
            </a:extLst>
          </p:cNvPr>
          <p:cNvSpPr/>
          <p:nvPr/>
        </p:nvSpPr>
        <p:spPr>
          <a:xfrm>
            <a:off x="10683926" y="3651002"/>
            <a:ext cx="1354194" cy="646330"/>
          </a:xfrm>
          <a:prstGeom prst="roundRect">
            <a:avLst/>
          </a:prstGeom>
          <a:solidFill>
            <a:srgbClr val="00B050"/>
          </a:solidFill>
          <a:ln>
            <a:solidFill>
              <a:schemeClr val="accent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prstClr val="white"/>
                </a:solidFill>
                <a:effectLst/>
                <a:uLnTx/>
                <a:uFillTx/>
                <a:latin typeface="Aktiv Grotesk"/>
                <a:ea typeface="+mn-ea"/>
                <a:cs typeface="+mn-cs"/>
              </a:rPr>
              <a:t>SAF</a:t>
            </a:r>
          </a:p>
        </p:txBody>
      </p:sp>
    </p:spTree>
    <p:extLst>
      <p:ext uri="{BB962C8B-B14F-4D97-AF65-F5344CB8AC3E}">
        <p14:creationId xmlns:p14="http://schemas.microsoft.com/office/powerpoint/2010/main" val="2358612451"/>
      </p:ext>
    </p:extLst>
  </p:cSld>
  <p:clrMapOvr>
    <a:masterClrMapping/>
  </p:clrMapOvr>
  <p:transition>
    <p:fade/>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1F4CC366-6CC5-42D2-72BE-8CC3E870CF28}"/>
              </a:ext>
            </a:extLst>
          </p:cNvPr>
          <p:cNvPicPr>
            <a:picLocks noChangeAspect="1"/>
          </p:cNvPicPr>
          <p:nvPr/>
        </p:nvPicPr>
        <p:blipFill>
          <a:blip r:embed="rId3"/>
          <a:stretch>
            <a:fillRect/>
          </a:stretch>
        </p:blipFill>
        <p:spPr>
          <a:xfrm>
            <a:off x="4826000" y="1289472"/>
            <a:ext cx="7073075" cy="4557903"/>
          </a:xfrm>
          <a:prstGeom prst="rect">
            <a:avLst/>
          </a:prstGeom>
        </p:spPr>
      </p:pic>
      <p:sp>
        <p:nvSpPr>
          <p:cNvPr id="2" name="Title 1">
            <a:extLst>
              <a:ext uri="{FF2B5EF4-FFF2-40B4-BE49-F238E27FC236}">
                <a16:creationId xmlns:a16="http://schemas.microsoft.com/office/drawing/2014/main" id="{75DA2537-2C83-EB11-ADEE-F24B7B3EFC26}"/>
              </a:ext>
            </a:extLst>
          </p:cNvPr>
          <p:cNvSpPr>
            <a:spLocks noGrp="1"/>
          </p:cNvSpPr>
          <p:nvPr>
            <p:ph type="title"/>
          </p:nvPr>
        </p:nvSpPr>
        <p:spPr/>
        <p:txBody>
          <a:bodyPr/>
          <a:lstStyle/>
          <a:p>
            <a:r>
              <a:rPr lang="en-US" dirty="0"/>
              <a:t>Cadena de Suministros y </a:t>
            </a:r>
            <a:r>
              <a:rPr lang="es-CO" dirty="0"/>
              <a:t>mezcla</a:t>
            </a:r>
            <a:r>
              <a:rPr lang="en-US" dirty="0"/>
              <a:t> de SAF</a:t>
            </a:r>
          </a:p>
        </p:txBody>
      </p:sp>
      <p:sp>
        <p:nvSpPr>
          <p:cNvPr id="3" name="Date Placeholder 2">
            <a:extLst>
              <a:ext uri="{FF2B5EF4-FFF2-40B4-BE49-F238E27FC236}">
                <a16:creationId xmlns:a16="http://schemas.microsoft.com/office/drawing/2014/main" id="{68B45403-9285-6D3D-F704-66E9C395A91E}"/>
              </a:ext>
            </a:extLst>
          </p:cNvPr>
          <p:cNvSpPr>
            <a:spLocks noGrp="1"/>
          </p:cNvSpPr>
          <p:nvPr>
            <p:ph type="dt" sz="half" idx="10"/>
          </p:nvPr>
        </p:nvSpPr>
        <p:spPr/>
        <p:txBody>
          <a:bodyPr/>
          <a:lstStyle/>
          <a:p>
            <a:fld id="{F82CEB40-7C69-47E5-9106-E566935D3F53}" type="datetime3">
              <a:rPr lang="en-US" smtClean="0"/>
              <a:pPr/>
              <a:t>8 November 2023</a:t>
            </a:fld>
            <a:endParaRPr lang="en-US"/>
          </a:p>
        </p:txBody>
      </p:sp>
      <p:sp>
        <p:nvSpPr>
          <p:cNvPr id="4" name="Footer Placeholder 3">
            <a:extLst>
              <a:ext uri="{FF2B5EF4-FFF2-40B4-BE49-F238E27FC236}">
                <a16:creationId xmlns:a16="http://schemas.microsoft.com/office/drawing/2014/main" id="{3EE925C2-0827-5FC1-8AFC-791C265F461E}"/>
              </a:ext>
            </a:extLst>
          </p:cNvPr>
          <p:cNvSpPr>
            <a:spLocks noGrp="1"/>
          </p:cNvSpPr>
          <p:nvPr>
            <p:ph type="ftr" sz="quarter" idx="11"/>
          </p:nvPr>
        </p:nvSpPr>
        <p:spPr/>
        <p:txBody>
          <a:bodyPr/>
          <a:lstStyle/>
          <a:p>
            <a:r>
              <a:rPr lang="es-CO" dirty="0"/>
              <a:t>MESA TÉCNICA No. 2: Cadena de Suministro de Avión</a:t>
            </a:r>
          </a:p>
        </p:txBody>
      </p:sp>
      <p:sp>
        <p:nvSpPr>
          <p:cNvPr id="5" name="Slide Number Placeholder 4">
            <a:extLst>
              <a:ext uri="{FF2B5EF4-FFF2-40B4-BE49-F238E27FC236}">
                <a16:creationId xmlns:a16="http://schemas.microsoft.com/office/drawing/2014/main" id="{A7257265-F070-37B7-4F04-2FC570EDFF64}"/>
              </a:ext>
            </a:extLst>
          </p:cNvPr>
          <p:cNvSpPr>
            <a:spLocks noGrp="1"/>
          </p:cNvSpPr>
          <p:nvPr>
            <p:ph type="sldNum" sz="quarter" idx="12"/>
          </p:nvPr>
        </p:nvSpPr>
        <p:spPr/>
        <p:txBody>
          <a:bodyPr/>
          <a:lstStyle/>
          <a:p>
            <a:fld id="{1A9E565A-6679-4A67-8FB7-14EA342FD6E1}" type="slidenum">
              <a:rPr lang="en-US" smtClean="0"/>
              <a:pPr/>
              <a:t>6</a:t>
            </a:fld>
            <a:endParaRPr lang="en-US"/>
          </a:p>
        </p:txBody>
      </p:sp>
      <p:sp>
        <p:nvSpPr>
          <p:cNvPr id="11" name="Date Placeholder 2">
            <a:extLst>
              <a:ext uri="{FF2B5EF4-FFF2-40B4-BE49-F238E27FC236}">
                <a16:creationId xmlns:a16="http://schemas.microsoft.com/office/drawing/2014/main" id="{F0E0E1C0-A250-005E-92F4-2FFF2D475FEA}"/>
              </a:ext>
            </a:extLst>
          </p:cNvPr>
          <p:cNvSpPr txBox="1">
            <a:spLocks/>
          </p:cNvSpPr>
          <p:nvPr/>
        </p:nvSpPr>
        <p:spPr>
          <a:xfrm>
            <a:off x="5439889" y="5690166"/>
            <a:ext cx="8130540" cy="278736"/>
          </a:xfrm>
          <a:prstGeom prst="rect">
            <a:avLst/>
          </a:prstGeom>
        </p:spPr>
        <p:txBody>
          <a:bodyPr vert="horz" lIns="0" tIns="0" rIns="0" bIns="0" rtlCol="0" anchor="b" anchorCtr="0"/>
          <a:lstStyle>
            <a:defPPr>
              <a:defRPr lang="en-US"/>
            </a:defPPr>
            <a:lvl1pPr marL="0" algn="l" defTabSz="914400" rtl="0" eaLnBrk="1" latinLnBrk="0" hangingPunct="1">
              <a:defRPr sz="1400" kern="1200">
                <a:solidFill>
                  <a:schemeClr val="accent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100" dirty="0"/>
              <a:t>Fuente: ACI / ATI – Integration of sustainable Aviation Fuels into the air transport system</a:t>
            </a:r>
          </a:p>
        </p:txBody>
      </p:sp>
      <p:sp>
        <p:nvSpPr>
          <p:cNvPr id="13" name="TextBox 12">
            <a:extLst>
              <a:ext uri="{FF2B5EF4-FFF2-40B4-BE49-F238E27FC236}">
                <a16:creationId xmlns:a16="http://schemas.microsoft.com/office/drawing/2014/main" id="{E5F37E38-BEE7-6E75-9782-DF9AB14686FF}"/>
              </a:ext>
            </a:extLst>
          </p:cNvPr>
          <p:cNvSpPr txBox="1"/>
          <p:nvPr/>
        </p:nvSpPr>
        <p:spPr>
          <a:xfrm>
            <a:off x="381000" y="1007664"/>
            <a:ext cx="11322065" cy="281808"/>
          </a:xfrm>
          <a:prstGeom prst="rect">
            <a:avLst/>
          </a:prstGeom>
          <a:noFill/>
        </p:spPr>
        <p:txBody>
          <a:bodyPr wrap="square">
            <a:spAutoFit/>
          </a:bodyPr>
          <a:lstStyle/>
          <a:p>
            <a:pPr marL="0" marR="0">
              <a:lnSpc>
                <a:spcPct val="107000"/>
              </a:lnSpc>
              <a:spcBef>
                <a:spcPts val="0"/>
              </a:spcBef>
              <a:spcAft>
                <a:spcPts val="800"/>
              </a:spcAft>
            </a:pPr>
            <a:r>
              <a:rPr lang="es-ES" sz="1200" dirty="0"/>
              <a:t>SAF y CAF podrían mezclarse en cualquiera de las ubicaciones intermedias de almacenamiento. Algunos de los criterios para seleccionar la mejor ubicación :</a:t>
            </a:r>
            <a:endParaRPr lang="en-US" sz="1200" dirty="0"/>
          </a:p>
        </p:txBody>
      </p:sp>
      <p:sp>
        <p:nvSpPr>
          <p:cNvPr id="14" name="TextBox 13">
            <a:extLst>
              <a:ext uri="{FF2B5EF4-FFF2-40B4-BE49-F238E27FC236}">
                <a16:creationId xmlns:a16="http://schemas.microsoft.com/office/drawing/2014/main" id="{3E26AA3D-F343-484D-0A6E-E899B592B957}"/>
              </a:ext>
            </a:extLst>
          </p:cNvPr>
          <p:cNvSpPr txBox="1"/>
          <p:nvPr/>
        </p:nvSpPr>
        <p:spPr>
          <a:xfrm>
            <a:off x="381000" y="1603169"/>
            <a:ext cx="3969146" cy="4557081"/>
          </a:xfrm>
          <a:prstGeom prst="rect">
            <a:avLst/>
          </a:prstGeom>
          <a:noFill/>
        </p:spPr>
        <p:txBody>
          <a:bodyPr wrap="square">
            <a:spAutoFit/>
          </a:bodyPr>
          <a:lstStyle/>
          <a:p>
            <a:pPr marL="171450" marR="0" indent="-171450">
              <a:lnSpc>
                <a:spcPct val="107000"/>
              </a:lnSpc>
              <a:spcBef>
                <a:spcPts val="0"/>
              </a:spcBef>
              <a:spcAft>
                <a:spcPts val="800"/>
              </a:spcAft>
              <a:buFont typeface="Arial" panose="020B0604020202020204" pitchFamily="34" charset="0"/>
              <a:buChar char="•"/>
            </a:pPr>
            <a:r>
              <a:rPr lang="es-ES" sz="1200" kern="100" dirty="0">
                <a:effectLst/>
                <a:latin typeface="+mj-lt"/>
                <a:ea typeface="Calibri" panose="020F0502020204030204" pitchFamily="34" charset="0"/>
                <a:cs typeface="Times New Roman" panose="02020603050405020304" pitchFamily="18" charset="0"/>
              </a:rPr>
              <a:t>La cantidad de SAF necesaria</a:t>
            </a:r>
          </a:p>
          <a:p>
            <a:pPr marL="171450" indent="-171450">
              <a:lnSpc>
                <a:spcPct val="107000"/>
              </a:lnSpc>
              <a:spcAft>
                <a:spcPts val="800"/>
              </a:spcAft>
              <a:buFont typeface="Arial" panose="020B0604020202020204" pitchFamily="34" charset="0"/>
              <a:buChar char="•"/>
            </a:pPr>
            <a:r>
              <a:rPr lang="es-ES" sz="1200" kern="100" dirty="0">
                <a:effectLst/>
                <a:latin typeface="+mj-lt"/>
                <a:ea typeface="Calibri" panose="020F0502020204030204" pitchFamily="34" charset="0"/>
                <a:cs typeface="Times New Roman" panose="02020603050405020304" pitchFamily="18" charset="0"/>
              </a:rPr>
              <a:t>La ubicación de las refinerías de SAF y CAF con respecto al aeropuerto</a:t>
            </a:r>
          </a:p>
          <a:p>
            <a:pPr marL="171450" indent="-171450">
              <a:lnSpc>
                <a:spcPct val="107000"/>
              </a:lnSpc>
              <a:spcAft>
                <a:spcPts val="800"/>
              </a:spcAft>
              <a:buFont typeface="Arial" panose="020B0604020202020204" pitchFamily="34" charset="0"/>
              <a:buChar char="•"/>
            </a:pPr>
            <a:r>
              <a:rPr lang="es-ES" sz="1200" kern="100" dirty="0">
                <a:effectLst/>
                <a:latin typeface="+mj-lt"/>
                <a:ea typeface="Calibri" panose="020F0502020204030204" pitchFamily="34" charset="0"/>
                <a:cs typeface="Times New Roman" panose="02020603050405020304" pitchFamily="18" charset="0"/>
              </a:rPr>
              <a:t>Suficiente espacio disponible para combinar y almacenar infraestructura</a:t>
            </a:r>
          </a:p>
          <a:p>
            <a:pPr marL="171450" marR="0" indent="-171450">
              <a:lnSpc>
                <a:spcPct val="107000"/>
              </a:lnSpc>
              <a:spcBef>
                <a:spcPts val="0"/>
              </a:spcBef>
              <a:spcAft>
                <a:spcPts val="800"/>
              </a:spcAft>
              <a:buFont typeface="Arial" panose="020B0604020202020204" pitchFamily="34" charset="0"/>
              <a:buChar char="•"/>
            </a:pPr>
            <a:r>
              <a:rPr lang="es-ES" sz="1200" kern="100" dirty="0">
                <a:effectLst/>
                <a:latin typeface="+mj-lt"/>
                <a:ea typeface="Calibri" panose="020F0502020204030204" pitchFamily="34" charset="0"/>
                <a:cs typeface="Times New Roman" panose="02020603050405020304" pitchFamily="18" charset="0"/>
              </a:rPr>
              <a:t>Bastidores de carga y descarga, tanques de almacenamiento, sistema de mezcla, conexiones de tuberías, instalaciones de pruebas y administración.</a:t>
            </a:r>
          </a:p>
          <a:p>
            <a:pPr marL="171450" indent="-171450">
              <a:lnSpc>
                <a:spcPct val="107000"/>
              </a:lnSpc>
              <a:spcAft>
                <a:spcPts val="800"/>
              </a:spcAft>
              <a:buFont typeface="Arial" panose="020B0604020202020204" pitchFamily="34" charset="0"/>
              <a:buChar char="•"/>
            </a:pPr>
            <a:r>
              <a:rPr lang="es-ES" sz="1200" kern="100" dirty="0">
                <a:effectLst/>
                <a:latin typeface="+mj-lt"/>
                <a:ea typeface="Calibri" panose="020F0502020204030204" pitchFamily="34" charset="0"/>
                <a:cs typeface="Times New Roman" panose="02020603050405020304" pitchFamily="18" charset="0"/>
              </a:rPr>
              <a:t>Disponibilidad de opciones de transporte escalables en volumen</a:t>
            </a:r>
            <a:endParaRPr lang="en-US" sz="1200" kern="100" dirty="0">
              <a:effectLst/>
              <a:latin typeface="+mj-lt"/>
              <a:ea typeface="Calibri" panose="020F0502020204030204" pitchFamily="34" charset="0"/>
              <a:cs typeface="Times New Roman" panose="02020603050405020304" pitchFamily="18" charset="0"/>
            </a:endParaRPr>
          </a:p>
          <a:p>
            <a:pPr marL="171450" indent="-171450">
              <a:lnSpc>
                <a:spcPct val="107000"/>
              </a:lnSpc>
              <a:spcAft>
                <a:spcPts val="800"/>
              </a:spcAft>
              <a:buFont typeface="Arial" panose="020B0604020202020204" pitchFamily="34" charset="0"/>
              <a:buChar char="•"/>
            </a:pPr>
            <a:r>
              <a:rPr lang="es-ES" sz="1200" kern="100" dirty="0">
                <a:effectLst/>
                <a:latin typeface="+mj-lt"/>
                <a:ea typeface="Calibri" panose="020F0502020204030204" pitchFamily="34" charset="0"/>
                <a:cs typeface="Times New Roman" panose="02020603050405020304" pitchFamily="18" charset="0"/>
              </a:rPr>
              <a:t>Disponibilidad del terreno para compra o arrendamiento</a:t>
            </a:r>
          </a:p>
          <a:p>
            <a:pPr marL="171450" indent="-171450">
              <a:lnSpc>
                <a:spcPct val="107000"/>
              </a:lnSpc>
              <a:spcAft>
                <a:spcPts val="800"/>
              </a:spcAft>
              <a:buFont typeface="Arial" panose="020B0604020202020204" pitchFamily="34" charset="0"/>
              <a:buChar char="•"/>
            </a:pPr>
            <a:r>
              <a:rPr lang="es-ES" sz="1200" kern="100" dirty="0">
                <a:effectLst/>
                <a:latin typeface="+mj-lt"/>
                <a:ea typeface="Calibri" panose="020F0502020204030204" pitchFamily="34" charset="0"/>
                <a:cs typeface="Times New Roman" panose="02020603050405020304" pitchFamily="18" charset="0"/>
              </a:rPr>
              <a:t>El uso de la tierra, la calidad del aire y las regulaciones medioambientales.</a:t>
            </a:r>
            <a:endParaRPr lang="en-US" sz="1200" kern="100" dirty="0">
              <a:effectLst/>
              <a:latin typeface="+mj-lt"/>
              <a:ea typeface="Calibri" panose="020F0502020204030204" pitchFamily="34" charset="0"/>
              <a:cs typeface="Times New Roman" panose="02020603050405020304" pitchFamily="18" charset="0"/>
            </a:endParaRPr>
          </a:p>
          <a:p>
            <a:pPr marL="171450" indent="-171450">
              <a:lnSpc>
                <a:spcPct val="107000"/>
              </a:lnSpc>
              <a:spcAft>
                <a:spcPts val="800"/>
              </a:spcAft>
              <a:buFont typeface="Arial" panose="020B0604020202020204" pitchFamily="34" charset="0"/>
              <a:buChar char="•"/>
            </a:pPr>
            <a:r>
              <a:rPr lang="es-ES" sz="1200" kern="100" dirty="0">
                <a:effectLst/>
                <a:latin typeface="+mj-lt"/>
                <a:ea typeface="Calibri" panose="020F0502020204030204" pitchFamily="34" charset="0"/>
                <a:cs typeface="Times New Roman" panose="02020603050405020304" pitchFamily="18" charset="0"/>
              </a:rPr>
              <a:t>Aceptabilidad desde una perspectiva medioambiental: instalación de instalaciones de mezcla en lugares industriales pueden ser más deseables por la Sociedad</a:t>
            </a:r>
            <a:r>
              <a:rPr lang="en-US" sz="900" kern="100" dirty="0">
                <a:latin typeface="+mj-lt"/>
                <a:ea typeface="Calibri" panose="020F0502020204030204" pitchFamily="34" charset="0"/>
                <a:cs typeface="Times New Roman" panose="02020603050405020304" pitchFamily="18" charset="0"/>
              </a:rPr>
              <a:t>.</a:t>
            </a:r>
            <a:endParaRPr lang="en-US" sz="1200" kern="100" dirty="0">
              <a:effectLst/>
              <a:latin typeface="+mj-lt"/>
              <a:ea typeface="Calibri" panose="020F0502020204030204" pitchFamily="34" charset="0"/>
              <a:cs typeface="Times New Roman" panose="02020603050405020304" pitchFamily="18" charset="0"/>
            </a:endParaRPr>
          </a:p>
        </p:txBody>
      </p:sp>
    </p:spTree>
    <p:extLst>
      <p:ext uri="{BB962C8B-B14F-4D97-AF65-F5344CB8AC3E}">
        <p14:creationId xmlns:p14="http://schemas.microsoft.com/office/powerpoint/2010/main" val="719325050"/>
      </p:ext>
    </p:extLst>
  </p:cSld>
  <p:clrMapOvr>
    <a:masterClrMapping/>
  </p:clrMapOvr>
  <p:transition>
    <p:fade/>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4">
            <a:extLst>
              <a:ext uri="{FF2B5EF4-FFF2-40B4-BE49-F238E27FC236}">
                <a16:creationId xmlns:a16="http://schemas.microsoft.com/office/drawing/2014/main" id="{FACE0581-D644-2B6D-9B5D-41E93514B4C4}"/>
              </a:ext>
            </a:extLst>
          </p:cNvPr>
          <p:cNvSpPr>
            <a:spLocks noGrp="1"/>
          </p:cNvSpPr>
          <p:nvPr>
            <p:ph type="sldNum" sz="quarter" idx="12"/>
          </p:nvPr>
        </p:nvSpPr>
        <p:spPr/>
        <p:txBody>
          <a:bodyPr/>
          <a:lstStyle/>
          <a:p>
            <a:fld id="{1A9E565A-6679-4A67-8FB7-14EA342FD6E1}" type="slidenum">
              <a:rPr lang="en-US" smtClean="0"/>
              <a:pPr/>
              <a:t>7</a:t>
            </a:fld>
            <a:endParaRPr lang="en-US"/>
          </a:p>
        </p:txBody>
      </p:sp>
      <p:sp>
        <p:nvSpPr>
          <p:cNvPr id="7" name="TextBox 6">
            <a:extLst>
              <a:ext uri="{FF2B5EF4-FFF2-40B4-BE49-F238E27FC236}">
                <a16:creationId xmlns:a16="http://schemas.microsoft.com/office/drawing/2014/main" id="{FF64912D-D171-BE1B-C2AA-7019A399B825}"/>
              </a:ext>
            </a:extLst>
          </p:cNvPr>
          <p:cNvSpPr txBox="1"/>
          <p:nvPr/>
        </p:nvSpPr>
        <p:spPr>
          <a:xfrm>
            <a:off x="4378960" y="3252149"/>
            <a:ext cx="4257040" cy="2677656"/>
          </a:xfrm>
          <a:prstGeom prst="rect">
            <a:avLst/>
          </a:prstGeom>
          <a:noFill/>
        </p:spPr>
        <p:txBody>
          <a:bodyPr wrap="square">
            <a:spAutoFit/>
          </a:bodyPr>
          <a:lstStyle/>
          <a:p>
            <a:pPr algn="just"/>
            <a:r>
              <a:rPr lang="es-CO" sz="1200" dirty="0"/>
              <a:t>Las terminales de combustible generalmente tienen más capacidad y espacio que los aeropuertos. </a:t>
            </a:r>
          </a:p>
          <a:p>
            <a:pPr algn="just"/>
            <a:endParaRPr lang="es-CO" sz="1200" dirty="0"/>
          </a:p>
          <a:p>
            <a:pPr algn="just"/>
            <a:r>
              <a:rPr lang="es-CO" sz="1200" dirty="0"/>
              <a:t>El 100% del SAF necesitaría ser transportado a la terminal a través de una infraestructura dedicada al SAF (barco, camión o tubería). </a:t>
            </a:r>
          </a:p>
          <a:p>
            <a:pPr algn="just"/>
            <a:endParaRPr lang="es-CO" sz="1200" dirty="0"/>
          </a:p>
          <a:p>
            <a:pPr algn="just"/>
            <a:r>
              <a:rPr lang="es-CO" sz="1200" dirty="0"/>
              <a:t>Para volúmenes más pequeños, los camiones serían adecuados, pero esto debe cambiar a modos más eficientes para volúmenes más grandes. </a:t>
            </a:r>
          </a:p>
          <a:p>
            <a:pPr algn="just"/>
            <a:endParaRPr lang="es-CO" sz="1200" dirty="0"/>
          </a:p>
          <a:p>
            <a:pPr algn="just"/>
            <a:r>
              <a:rPr lang="es-CO" sz="1200" dirty="0"/>
              <a:t>Las plataformas de descarga para camiones o embarcaciones deberán aceptar 100% SAF, así como tanques para almacenarlo y mezclarlo.</a:t>
            </a:r>
          </a:p>
        </p:txBody>
      </p:sp>
      <p:sp>
        <p:nvSpPr>
          <p:cNvPr id="11" name="TextBox 10">
            <a:extLst>
              <a:ext uri="{FF2B5EF4-FFF2-40B4-BE49-F238E27FC236}">
                <a16:creationId xmlns:a16="http://schemas.microsoft.com/office/drawing/2014/main" id="{8A7C6050-45C9-22D2-228A-A7EDBE261E81}"/>
              </a:ext>
            </a:extLst>
          </p:cNvPr>
          <p:cNvSpPr txBox="1"/>
          <p:nvPr/>
        </p:nvSpPr>
        <p:spPr>
          <a:xfrm>
            <a:off x="381000" y="3252149"/>
            <a:ext cx="3802380" cy="1938992"/>
          </a:xfrm>
          <a:prstGeom prst="rect">
            <a:avLst/>
          </a:prstGeom>
          <a:noFill/>
        </p:spPr>
        <p:txBody>
          <a:bodyPr wrap="square">
            <a:spAutoFit/>
          </a:bodyPr>
          <a:lstStyle/>
          <a:p>
            <a:pPr algn="just"/>
            <a:r>
              <a:rPr lang="es-CO" sz="1200" dirty="0"/>
              <a:t>Las refinerías de petróleo son los sitios que manejan los mayores volúmenes de combustible y, por lo tanto, son ideales para grandes cantidades de SAF.</a:t>
            </a:r>
          </a:p>
          <a:p>
            <a:pPr algn="just"/>
            <a:endParaRPr lang="es-CO" sz="1200" dirty="0"/>
          </a:p>
          <a:p>
            <a:pPr algn="just"/>
            <a:r>
              <a:rPr lang="es-CO" sz="1200" dirty="0"/>
              <a:t>Las refinerías de SAF a menudo adquieren Jet  tradicional para aviones para mezclarlo con su SAF 100% para producir un producto que ya es combustible para aviones mezclado y certificado. </a:t>
            </a:r>
          </a:p>
          <a:p>
            <a:pPr algn="just"/>
            <a:endParaRPr lang="es-CO" sz="1200" dirty="0"/>
          </a:p>
        </p:txBody>
      </p:sp>
      <p:sp>
        <p:nvSpPr>
          <p:cNvPr id="13" name="TextBox 12">
            <a:extLst>
              <a:ext uri="{FF2B5EF4-FFF2-40B4-BE49-F238E27FC236}">
                <a16:creationId xmlns:a16="http://schemas.microsoft.com/office/drawing/2014/main" id="{4BDEF9CA-A95D-35D7-F054-233BD7A650DF}"/>
              </a:ext>
            </a:extLst>
          </p:cNvPr>
          <p:cNvSpPr txBox="1"/>
          <p:nvPr/>
        </p:nvSpPr>
        <p:spPr>
          <a:xfrm>
            <a:off x="8831580" y="3252149"/>
            <a:ext cx="3251876" cy="646331"/>
          </a:xfrm>
          <a:prstGeom prst="rect">
            <a:avLst/>
          </a:prstGeom>
          <a:noFill/>
        </p:spPr>
        <p:txBody>
          <a:bodyPr wrap="square">
            <a:spAutoFit/>
          </a:bodyPr>
          <a:lstStyle/>
          <a:p>
            <a:r>
              <a:rPr lang="es-CO" sz="1200" dirty="0"/>
              <a:t>No se recomienda mezclar en el aeropuerto y solo permitiría manipular cantidades más pequeñas de combustible.</a:t>
            </a:r>
          </a:p>
        </p:txBody>
      </p:sp>
      <p:sp>
        <p:nvSpPr>
          <p:cNvPr id="14" name="Title 1">
            <a:extLst>
              <a:ext uri="{FF2B5EF4-FFF2-40B4-BE49-F238E27FC236}">
                <a16:creationId xmlns:a16="http://schemas.microsoft.com/office/drawing/2014/main" id="{56E1EE0C-B6AC-4AF3-F9DB-92A57A1DF935}"/>
              </a:ext>
            </a:extLst>
          </p:cNvPr>
          <p:cNvSpPr>
            <a:spLocks noGrp="1"/>
          </p:cNvSpPr>
          <p:nvPr>
            <p:ph type="title"/>
          </p:nvPr>
        </p:nvSpPr>
        <p:spPr>
          <a:xfrm>
            <a:off x="381000" y="365125"/>
            <a:ext cx="11430000" cy="609600"/>
          </a:xfrm>
        </p:spPr>
        <p:txBody>
          <a:bodyPr/>
          <a:lstStyle/>
          <a:p>
            <a:r>
              <a:rPr lang="es-CO" dirty="0"/>
              <a:t>Posibles puntos de mezcla</a:t>
            </a:r>
          </a:p>
        </p:txBody>
      </p:sp>
      <p:pic>
        <p:nvPicPr>
          <p:cNvPr id="16" name="Picture 15" descr="Oil refinery against blue sky">
            <a:extLst>
              <a:ext uri="{FF2B5EF4-FFF2-40B4-BE49-F238E27FC236}">
                <a16:creationId xmlns:a16="http://schemas.microsoft.com/office/drawing/2014/main" id="{880A0AF5-41B5-85A3-DE10-002096FC045F}"/>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36930" y="1254924"/>
            <a:ext cx="2738120" cy="1540193"/>
          </a:xfrm>
          <a:prstGeom prst="rect">
            <a:avLst/>
          </a:prstGeom>
        </p:spPr>
      </p:pic>
      <p:pic>
        <p:nvPicPr>
          <p:cNvPr id="20" name="Picture 19" descr="Aerial night light view of oil and petrochemical industry">
            <a:extLst>
              <a:ext uri="{FF2B5EF4-FFF2-40B4-BE49-F238E27FC236}">
                <a16:creationId xmlns:a16="http://schemas.microsoft.com/office/drawing/2014/main" id="{3E24C26F-44BE-81C7-0B8B-2DCB4D03C30F}"/>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906010" y="1254924"/>
            <a:ext cx="2738120" cy="1524717"/>
          </a:xfrm>
          <a:prstGeom prst="rect">
            <a:avLst/>
          </a:prstGeom>
        </p:spPr>
      </p:pic>
      <p:pic>
        <p:nvPicPr>
          <p:cNvPr id="22" name="Picture 21" descr="Aerial view of parked airplane">
            <a:extLst>
              <a:ext uri="{FF2B5EF4-FFF2-40B4-BE49-F238E27FC236}">
                <a16:creationId xmlns:a16="http://schemas.microsoft.com/office/drawing/2014/main" id="{00A7D5AF-D258-8271-1ABA-049A6C75A8F7}"/>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8975090" y="1254924"/>
            <a:ext cx="2727975" cy="1505534"/>
          </a:xfrm>
          <a:prstGeom prst="rect">
            <a:avLst/>
          </a:prstGeom>
        </p:spPr>
      </p:pic>
      <p:sp>
        <p:nvSpPr>
          <p:cNvPr id="23" name="TextBox 22">
            <a:extLst>
              <a:ext uri="{FF2B5EF4-FFF2-40B4-BE49-F238E27FC236}">
                <a16:creationId xmlns:a16="http://schemas.microsoft.com/office/drawing/2014/main" id="{D21D88CF-A8B1-3941-8A15-169EB54722E0}"/>
              </a:ext>
            </a:extLst>
          </p:cNvPr>
          <p:cNvSpPr txBox="1"/>
          <p:nvPr/>
        </p:nvSpPr>
        <p:spPr>
          <a:xfrm>
            <a:off x="1511799" y="2852676"/>
            <a:ext cx="1180131" cy="369332"/>
          </a:xfrm>
          <a:prstGeom prst="rect">
            <a:avLst/>
          </a:prstGeom>
          <a:noFill/>
        </p:spPr>
        <p:txBody>
          <a:bodyPr wrap="none" rtlCol="0">
            <a:spAutoFit/>
          </a:bodyPr>
          <a:lstStyle/>
          <a:p>
            <a:r>
              <a:rPr lang="es-CO" b="1" dirty="0"/>
              <a:t>Refinería</a:t>
            </a:r>
          </a:p>
        </p:txBody>
      </p:sp>
      <p:sp>
        <p:nvSpPr>
          <p:cNvPr id="24" name="TextBox 23">
            <a:extLst>
              <a:ext uri="{FF2B5EF4-FFF2-40B4-BE49-F238E27FC236}">
                <a16:creationId xmlns:a16="http://schemas.microsoft.com/office/drawing/2014/main" id="{BE4CF498-ED64-36BE-F76B-77C8AC77EA5B}"/>
              </a:ext>
            </a:extLst>
          </p:cNvPr>
          <p:cNvSpPr txBox="1"/>
          <p:nvPr/>
        </p:nvSpPr>
        <p:spPr>
          <a:xfrm>
            <a:off x="4817989" y="2852676"/>
            <a:ext cx="2937022" cy="369332"/>
          </a:xfrm>
          <a:prstGeom prst="rect">
            <a:avLst/>
          </a:prstGeom>
          <a:noFill/>
        </p:spPr>
        <p:txBody>
          <a:bodyPr wrap="none" rtlCol="0">
            <a:spAutoFit/>
          </a:bodyPr>
          <a:lstStyle/>
          <a:p>
            <a:r>
              <a:rPr lang="en-US" b="1" dirty="0"/>
              <a:t>Terminal de Combustible</a:t>
            </a:r>
          </a:p>
        </p:txBody>
      </p:sp>
      <p:sp>
        <p:nvSpPr>
          <p:cNvPr id="25" name="TextBox 24">
            <a:extLst>
              <a:ext uri="{FF2B5EF4-FFF2-40B4-BE49-F238E27FC236}">
                <a16:creationId xmlns:a16="http://schemas.microsoft.com/office/drawing/2014/main" id="{8E20B468-8757-92F1-D201-7E7983E61724}"/>
              </a:ext>
            </a:extLst>
          </p:cNvPr>
          <p:cNvSpPr txBox="1"/>
          <p:nvPr/>
        </p:nvSpPr>
        <p:spPr>
          <a:xfrm>
            <a:off x="9724785" y="2852676"/>
            <a:ext cx="1465466" cy="369332"/>
          </a:xfrm>
          <a:prstGeom prst="rect">
            <a:avLst/>
          </a:prstGeom>
          <a:noFill/>
        </p:spPr>
        <p:txBody>
          <a:bodyPr wrap="none" rtlCol="0">
            <a:spAutoFit/>
          </a:bodyPr>
          <a:lstStyle/>
          <a:p>
            <a:r>
              <a:rPr lang="en-US" b="1" dirty="0"/>
              <a:t>Aeropuerto</a:t>
            </a:r>
          </a:p>
        </p:txBody>
      </p:sp>
      <p:sp>
        <p:nvSpPr>
          <p:cNvPr id="29" name="Date Placeholder 2">
            <a:extLst>
              <a:ext uri="{FF2B5EF4-FFF2-40B4-BE49-F238E27FC236}">
                <a16:creationId xmlns:a16="http://schemas.microsoft.com/office/drawing/2014/main" id="{6B3BCDCA-56EA-EBD8-4D00-18A64FC3AF8F}"/>
              </a:ext>
            </a:extLst>
          </p:cNvPr>
          <p:cNvSpPr>
            <a:spLocks noGrp="1"/>
          </p:cNvSpPr>
          <p:nvPr>
            <p:ph type="dt" sz="half" idx="10"/>
          </p:nvPr>
        </p:nvSpPr>
        <p:spPr>
          <a:xfrm>
            <a:off x="6286500" y="6162324"/>
            <a:ext cx="2743200" cy="365125"/>
          </a:xfrm>
        </p:spPr>
        <p:txBody>
          <a:bodyPr/>
          <a:lstStyle/>
          <a:p>
            <a:fld id="{F82CEB40-7C69-47E5-9106-E566935D3F53}" type="datetime3">
              <a:rPr lang="en-US" smtClean="0"/>
              <a:pPr/>
              <a:t>8 November 2023</a:t>
            </a:fld>
            <a:endParaRPr lang="en-US"/>
          </a:p>
        </p:txBody>
      </p:sp>
      <p:sp>
        <p:nvSpPr>
          <p:cNvPr id="30" name="Footer Placeholder 3">
            <a:extLst>
              <a:ext uri="{FF2B5EF4-FFF2-40B4-BE49-F238E27FC236}">
                <a16:creationId xmlns:a16="http://schemas.microsoft.com/office/drawing/2014/main" id="{73565C08-7B2C-10DC-5D44-821A0FB92923}"/>
              </a:ext>
            </a:extLst>
          </p:cNvPr>
          <p:cNvSpPr>
            <a:spLocks noGrp="1"/>
          </p:cNvSpPr>
          <p:nvPr>
            <p:ph type="ftr" sz="quarter" idx="11"/>
          </p:nvPr>
        </p:nvSpPr>
        <p:spPr>
          <a:xfrm>
            <a:off x="955370" y="6162324"/>
            <a:ext cx="4950130" cy="365125"/>
          </a:xfrm>
        </p:spPr>
        <p:txBody>
          <a:bodyPr/>
          <a:lstStyle/>
          <a:p>
            <a:r>
              <a:rPr lang="es-CO" dirty="0"/>
              <a:t>MESA TÉCNICA No. 2: Cadena de Suministro de Avión</a:t>
            </a:r>
          </a:p>
        </p:txBody>
      </p:sp>
      <p:sp>
        <p:nvSpPr>
          <p:cNvPr id="2" name="Date Placeholder 2">
            <a:extLst>
              <a:ext uri="{FF2B5EF4-FFF2-40B4-BE49-F238E27FC236}">
                <a16:creationId xmlns:a16="http://schemas.microsoft.com/office/drawing/2014/main" id="{B6CEF30B-F424-4EE0-7A33-05A6305B8235}"/>
              </a:ext>
            </a:extLst>
          </p:cNvPr>
          <p:cNvSpPr txBox="1">
            <a:spLocks/>
          </p:cNvSpPr>
          <p:nvPr/>
        </p:nvSpPr>
        <p:spPr>
          <a:xfrm>
            <a:off x="3003798" y="5904959"/>
            <a:ext cx="8130540" cy="278736"/>
          </a:xfrm>
          <a:prstGeom prst="rect">
            <a:avLst/>
          </a:prstGeom>
        </p:spPr>
        <p:txBody>
          <a:bodyPr vert="horz" lIns="0" tIns="0" rIns="0" bIns="0" rtlCol="0" anchor="b" anchorCtr="0"/>
          <a:lstStyle>
            <a:defPPr>
              <a:defRPr lang="en-US"/>
            </a:defPPr>
            <a:lvl1pPr marL="0" algn="l" defTabSz="914400" rtl="0" eaLnBrk="1" latinLnBrk="0" hangingPunct="1">
              <a:defRPr sz="1400" kern="1200">
                <a:solidFill>
                  <a:schemeClr val="accent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100" dirty="0"/>
              <a:t>Fuente: ACI / ATI – Integration of sustainable Aviation Fuels into the air transport system</a:t>
            </a:r>
          </a:p>
        </p:txBody>
      </p:sp>
    </p:spTree>
    <p:extLst>
      <p:ext uri="{BB962C8B-B14F-4D97-AF65-F5344CB8AC3E}">
        <p14:creationId xmlns:p14="http://schemas.microsoft.com/office/powerpoint/2010/main" val="1001451254"/>
      </p:ext>
    </p:extLst>
  </p:cSld>
  <p:clrMapOvr>
    <a:masterClrMapping/>
  </p:clrMapOvr>
  <p:transition>
    <p:fade/>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descr="Oil refinery against blue sky">
            <a:extLst>
              <a:ext uri="{FF2B5EF4-FFF2-40B4-BE49-F238E27FC236}">
                <a16:creationId xmlns:a16="http://schemas.microsoft.com/office/drawing/2014/main" id="{3BD52E35-6884-7894-AC85-30AE422EDECE}"/>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0603748" y="368498"/>
            <a:ext cx="1149033" cy="646331"/>
          </a:xfrm>
          <a:prstGeom prst="rect">
            <a:avLst/>
          </a:prstGeom>
        </p:spPr>
      </p:pic>
      <p:sp>
        <p:nvSpPr>
          <p:cNvPr id="5" name="Slide Number Placeholder 4">
            <a:extLst>
              <a:ext uri="{FF2B5EF4-FFF2-40B4-BE49-F238E27FC236}">
                <a16:creationId xmlns:a16="http://schemas.microsoft.com/office/drawing/2014/main" id="{FACE0581-D644-2B6D-9B5D-41E93514B4C4}"/>
              </a:ext>
            </a:extLst>
          </p:cNvPr>
          <p:cNvSpPr>
            <a:spLocks noGrp="1"/>
          </p:cNvSpPr>
          <p:nvPr>
            <p:ph type="sldNum" sz="quarter" idx="12"/>
          </p:nvPr>
        </p:nvSpPr>
        <p:spPr/>
        <p:txBody>
          <a:bodyPr/>
          <a:lstStyle/>
          <a:p>
            <a:fld id="{1A9E565A-6679-4A67-8FB7-14EA342FD6E1}" type="slidenum">
              <a:rPr lang="en-US" smtClean="0"/>
              <a:pPr/>
              <a:t>8</a:t>
            </a:fld>
            <a:endParaRPr lang="en-US"/>
          </a:p>
        </p:txBody>
      </p:sp>
      <p:sp>
        <p:nvSpPr>
          <p:cNvPr id="14" name="Title 1">
            <a:extLst>
              <a:ext uri="{FF2B5EF4-FFF2-40B4-BE49-F238E27FC236}">
                <a16:creationId xmlns:a16="http://schemas.microsoft.com/office/drawing/2014/main" id="{56E1EE0C-B6AC-4AF3-F9DB-92A57A1DF935}"/>
              </a:ext>
            </a:extLst>
          </p:cNvPr>
          <p:cNvSpPr>
            <a:spLocks noGrp="1"/>
          </p:cNvSpPr>
          <p:nvPr>
            <p:ph type="title"/>
          </p:nvPr>
        </p:nvSpPr>
        <p:spPr>
          <a:xfrm>
            <a:off x="381000" y="365125"/>
            <a:ext cx="11430000" cy="649704"/>
          </a:xfrm>
        </p:spPr>
        <p:txBody>
          <a:bodyPr/>
          <a:lstStyle/>
          <a:p>
            <a:r>
              <a:rPr lang="es-CO" dirty="0"/>
              <a:t>Refinería</a:t>
            </a:r>
          </a:p>
        </p:txBody>
      </p:sp>
      <p:sp>
        <p:nvSpPr>
          <p:cNvPr id="29" name="Date Placeholder 2">
            <a:extLst>
              <a:ext uri="{FF2B5EF4-FFF2-40B4-BE49-F238E27FC236}">
                <a16:creationId xmlns:a16="http://schemas.microsoft.com/office/drawing/2014/main" id="{6B3BCDCA-56EA-EBD8-4D00-18A64FC3AF8F}"/>
              </a:ext>
            </a:extLst>
          </p:cNvPr>
          <p:cNvSpPr>
            <a:spLocks noGrp="1"/>
          </p:cNvSpPr>
          <p:nvPr>
            <p:ph type="dt" sz="half" idx="10"/>
          </p:nvPr>
        </p:nvSpPr>
        <p:spPr>
          <a:xfrm>
            <a:off x="6286500" y="6162324"/>
            <a:ext cx="2743200" cy="365125"/>
          </a:xfrm>
        </p:spPr>
        <p:txBody>
          <a:bodyPr/>
          <a:lstStyle/>
          <a:p>
            <a:fld id="{F82CEB40-7C69-47E5-9106-E566935D3F53}" type="datetime3">
              <a:rPr lang="en-US" smtClean="0"/>
              <a:pPr/>
              <a:t>8 November 2023</a:t>
            </a:fld>
            <a:endParaRPr lang="en-US"/>
          </a:p>
        </p:txBody>
      </p:sp>
      <p:sp>
        <p:nvSpPr>
          <p:cNvPr id="30" name="Footer Placeholder 3">
            <a:extLst>
              <a:ext uri="{FF2B5EF4-FFF2-40B4-BE49-F238E27FC236}">
                <a16:creationId xmlns:a16="http://schemas.microsoft.com/office/drawing/2014/main" id="{73565C08-7B2C-10DC-5D44-821A0FB92923}"/>
              </a:ext>
            </a:extLst>
          </p:cNvPr>
          <p:cNvSpPr>
            <a:spLocks noGrp="1"/>
          </p:cNvSpPr>
          <p:nvPr>
            <p:ph type="ftr" sz="quarter" idx="11"/>
          </p:nvPr>
        </p:nvSpPr>
        <p:spPr>
          <a:xfrm>
            <a:off x="955370" y="6162324"/>
            <a:ext cx="4950130" cy="365125"/>
          </a:xfrm>
        </p:spPr>
        <p:txBody>
          <a:bodyPr/>
          <a:lstStyle/>
          <a:p>
            <a:r>
              <a:rPr lang="es-CO" dirty="0"/>
              <a:t>MESA TÉCNICA No. 2: Cadena de Suministro de Avión</a:t>
            </a:r>
          </a:p>
        </p:txBody>
      </p:sp>
      <p:graphicFrame>
        <p:nvGraphicFramePr>
          <p:cNvPr id="4" name="Diagram 3">
            <a:extLst>
              <a:ext uri="{FF2B5EF4-FFF2-40B4-BE49-F238E27FC236}">
                <a16:creationId xmlns:a16="http://schemas.microsoft.com/office/drawing/2014/main" id="{2441BEE9-9D40-2A35-A66E-A053510E5DB7}"/>
              </a:ext>
            </a:extLst>
          </p:cNvPr>
          <p:cNvGraphicFramePr/>
          <p:nvPr>
            <p:extLst>
              <p:ext uri="{D42A27DB-BD31-4B8C-83A1-F6EECF244321}">
                <p14:modId xmlns:p14="http://schemas.microsoft.com/office/powerpoint/2010/main" val="1061420956"/>
              </p:ext>
            </p:extLst>
          </p:nvPr>
        </p:nvGraphicFramePr>
        <p:xfrm>
          <a:off x="955370" y="1319842"/>
          <a:ext cx="10281590" cy="4818491"/>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2" name="Date Placeholder 2">
            <a:extLst>
              <a:ext uri="{FF2B5EF4-FFF2-40B4-BE49-F238E27FC236}">
                <a16:creationId xmlns:a16="http://schemas.microsoft.com/office/drawing/2014/main" id="{DA0472B0-7228-1C6F-4729-82EC634DC354}"/>
              </a:ext>
            </a:extLst>
          </p:cNvPr>
          <p:cNvSpPr txBox="1">
            <a:spLocks/>
          </p:cNvSpPr>
          <p:nvPr/>
        </p:nvSpPr>
        <p:spPr>
          <a:xfrm>
            <a:off x="3106090" y="5998965"/>
            <a:ext cx="8130540" cy="278736"/>
          </a:xfrm>
          <a:prstGeom prst="rect">
            <a:avLst/>
          </a:prstGeom>
        </p:spPr>
        <p:txBody>
          <a:bodyPr vert="horz" lIns="0" tIns="0" rIns="0" bIns="0" rtlCol="0" anchor="b" anchorCtr="0"/>
          <a:lstStyle>
            <a:defPPr>
              <a:defRPr lang="en-US"/>
            </a:defPPr>
            <a:lvl1pPr marL="0" algn="l" defTabSz="914400" rtl="0" eaLnBrk="1" latinLnBrk="0" hangingPunct="1">
              <a:defRPr sz="1400" kern="1200">
                <a:solidFill>
                  <a:schemeClr val="accent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100" dirty="0"/>
              <a:t>Fuente: ACI / ATI – Integration of sustainable Aviation Fuels into the air transport system</a:t>
            </a:r>
          </a:p>
        </p:txBody>
      </p:sp>
    </p:spTree>
    <p:extLst>
      <p:ext uri="{BB962C8B-B14F-4D97-AF65-F5344CB8AC3E}">
        <p14:creationId xmlns:p14="http://schemas.microsoft.com/office/powerpoint/2010/main" val="3849691399"/>
      </p:ext>
    </p:extLst>
  </p:cSld>
  <p:clrMapOvr>
    <a:masterClrMapping/>
  </p:clrMapOvr>
  <p:transition>
    <p:fade/>
  </p:transition>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4">
            <a:extLst>
              <a:ext uri="{FF2B5EF4-FFF2-40B4-BE49-F238E27FC236}">
                <a16:creationId xmlns:a16="http://schemas.microsoft.com/office/drawing/2014/main" id="{FACE0581-D644-2B6D-9B5D-41E93514B4C4}"/>
              </a:ext>
            </a:extLst>
          </p:cNvPr>
          <p:cNvSpPr>
            <a:spLocks noGrp="1"/>
          </p:cNvSpPr>
          <p:nvPr>
            <p:ph type="sldNum" sz="quarter" idx="12"/>
          </p:nvPr>
        </p:nvSpPr>
        <p:spPr/>
        <p:txBody>
          <a:bodyPr/>
          <a:lstStyle/>
          <a:p>
            <a:fld id="{1A9E565A-6679-4A67-8FB7-14EA342FD6E1}" type="slidenum">
              <a:rPr lang="en-US" smtClean="0"/>
              <a:pPr/>
              <a:t>9</a:t>
            </a:fld>
            <a:endParaRPr lang="en-US"/>
          </a:p>
        </p:txBody>
      </p:sp>
      <p:sp>
        <p:nvSpPr>
          <p:cNvPr id="14" name="Title 1">
            <a:extLst>
              <a:ext uri="{FF2B5EF4-FFF2-40B4-BE49-F238E27FC236}">
                <a16:creationId xmlns:a16="http://schemas.microsoft.com/office/drawing/2014/main" id="{56E1EE0C-B6AC-4AF3-F9DB-92A57A1DF935}"/>
              </a:ext>
            </a:extLst>
          </p:cNvPr>
          <p:cNvSpPr>
            <a:spLocks noGrp="1"/>
          </p:cNvSpPr>
          <p:nvPr>
            <p:ph type="title"/>
          </p:nvPr>
        </p:nvSpPr>
        <p:spPr>
          <a:xfrm>
            <a:off x="381000" y="365125"/>
            <a:ext cx="11430000" cy="609600"/>
          </a:xfrm>
        </p:spPr>
        <p:txBody>
          <a:bodyPr/>
          <a:lstStyle/>
          <a:p>
            <a:r>
              <a:rPr lang="en-US" dirty="0"/>
              <a:t>Terminal de Combustible</a:t>
            </a:r>
          </a:p>
        </p:txBody>
      </p:sp>
      <p:sp>
        <p:nvSpPr>
          <p:cNvPr id="29" name="Date Placeholder 2">
            <a:extLst>
              <a:ext uri="{FF2B5EF4-FFF2-40B4-BE49-F238E27FC236}">
                <a16:creationId xmlns:a16="http://schemas.microsoft.com/office/drawing/2014/main" id="{6B3BCDCA-56EA-EBD8-4D00-18A64FC3AF8F}"/>
              </a:ext>
            </a:extLst>
          </p:cNvPr>
          <p:cNvSpPr>
            <a:spLocks noGrp="1"/>
          </p:cNvSpPr>
          <p:nvPr>
            <p:ph type="dt" sz="half" idx="10"/>
          </p:nvPr>
        </p:nvSpPr>
        <p:spPr>
          <a:xfrm>
            <a:off x="6286500" y="6162324"/>
            <a:ext cx="2743200" cy="365125"/>
          </a:xfrm>
        </p:spPr>
        <p:txBody>
          <a:bodyPr/>
          <a:lstStyle/>
          <a:p>
            <a:fld id="{F82CEB40-7C69-47E5-9106-E566935D3F53}" type="datetime3">
              <a:rPr lang="en-US" smtClean="0"/>
              <a:pPr/>
              <a:t>8 November 2023</a:t>
            </a:fld>
            <a:endParaRPr lang="en-US"/>
          </a:p>
        </p:txBody>
      </p:sp>
      <p:sp>
        <p:nvSpPr>
          <p:cNvPr id="30" name="Footer Placeholder 3">
            <a:extLst>
              <a:ext uri="{FF2B5EF4-FFF2-40B4-BE49-F238E27FC236}">
                <a16:creationId xmlns:a16="http://schemas.microsoft.com/office/drawing/2014/main" id="{73565C08-7B2C-10DC-5D44-821A0FB92923}"/>
              </a:ext>
            </a:extLst>
          </p:cNvPr>
          <p:cNvSpPr>
            <a:spLocks noGrp="1"/>
          </p:cNvSpPr>
          <p:nvPr>
            <p:ph type="ftr" sz="quarter" idx="11"/>
          </p:nvPr>
        </p:nvSpPr>
        <p:spPr>
          <a:xfrm>
            <a:off x="955370" y="6162324"/>
            <a:ext cx="4950130" cy="365125"/>
          </a:xfrm>
        </p:spPr>
        <p:txBody>
          <a:bodyPr/>
          <a:lstStyle/>
          <a:p>
            <a:r>
              <a:rPr lang="es-CO" dirty="0"/>
              <a:t>MESA TÉCNICA No. 2: Cadena de Suministro de Avión</a:t>
            </a:r>
          </a:p>
        </p:txBody>
      </p:sp>
      <p:graphicFrame>
        <p:nvGraphicFramePr>
          <p:cNvPr id="3" name="Diagram 2">
            <a:extLst>
              <a:ext uri="{FF2B5EF4-FFF2-40B4-BE49-F238E27FC236}">
                <a16:creationId xmlns:a16="http://schemas.microsoft.com/office/drawing/2014/main" id="{926BE1D0-5980-1A3A-B899-7E8931CA410D}"/>
              </a:ext>
            </a:extLst>
          </p:cNvPr>
          <p:cNvGraphicFramePr/>
          <p:nvPr>
            <p:extLst>
              <p:ext uri="{D42A27DB-BD31-4B8C-83A1-F6EECF244321}">
                <p14:modId xmlns:p14="http://schemas.microsoft.com/office/powerpoint/2010/main" val="1578584775"/>
              </p:ext>
            </p:extLst>
          </p:nvPr>
        </p:nvGraphicFramePr>
        <p:xfrm>
          <a:off x="955370" y="1293962"/>
          <a:ext cx="10281590" cy="4844371"/>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pic>
        <p:nvPicPr>
          <p:cNvPr id="4" name="Picture 3" descr="Aerial night light view of oil and petrochemical industry">
            <a:extLst>
              <a:ext uri="{FF2B5EF4-FFF2-40B4-BE49-F238E27FC236}">
                <a16:creationId xmlns:a16="http://schemas.microsoft.com/office/drawing/2014/main" id="{6D612F95-B381-CE80-0C95-A8A9C58DF50B}"/>
              </a:ext>
            </a:extLst>
          </p:cNvPr>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10603748" y="377121"/>
            <a:ext cx="1149032" cy="637708"/>
          </a:xfrm>
          <a:prstGeom prst="rect">
            <a:avLst/>
          </a:prstGeom>
        </p:spPr>
      </p:pic>
      <p:sp>
        <p:nvSpPr>
          <p:cNvPr id="2" name="Date Placeholder 2">
            <a:extLst>
              <a:ext uri="{FF2B5EF4-FFF2-40B4-BE49-F238E27FC236}">
                <a16:creationId xmlns:a16="http://schemas.microsoft.com/office/drawing/2014/main" id="{344AAB16-5878-DAFA-3246-9483412F091F}"/>
              </a:ext>
            </a:extLst>
          </p:cNvPr>
          <p:cNvSpPr txBox="1">
            <a:spLocks/>
          </p:cNvSpPr>
          <p:nvPr/>
        </p:nvSpPr>
        <p:spPr>
          <a:xfrm>
            <a:off x="3047724" y="5998116"/>
            <a:ext cx="8130540" cy="278736"/>
          </a:xfrm>
          <a:prstGeom prst="rect">
            <a:avLst/>
          </a:prstGeom>
        </p:spPr>
        <p:txBody>
          <a:bodyPr vert="horz" lIns="0" tIns="0" rIns="0" bIns="0" rtlCol="0" anchor="b" anchorCtr="0"/>
          <a:lstStyle>
            <a:defPPr>
              <a:defRPr lang="en-US"/>
            </a:defPPr>
            <a:lvl1pPr marL="0" algn="l" defTabSz="914400" rtl="0" eaLnBrk="1" latinLnBrk="0" hangingPunct="1">
              <a:defRPr sz="1400" kern="1200">
                <a:solidFill>
                  <a:schemeClr val="accent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1100" dirty="0"/>
              <a:t>Fuente: ACI / ATI – Integration of sustainable Aviation Fuels into the air transport system</a:t>
            </a:r>
          </a:p>
        </p:txBody>
      </p:sp>
    </p:spTree>
    <p:extLst>
      <p:ext uri="{BB962C8B-B14F-4D97-AF65-F5344CB8AC3E}">
        <p14:creationId xmlns:p14="http://schemas.microsoft.com/office/powerpoint/2010/main" val="2441465524"/>
      </p:ext>
    </p:extLst>
  </p:cSld>
  <p:clrMapOvr>
    <a:masterClrMapping/>
  </p:clrMapOvr>
  <p:transition>
    <p:fade/>
  </p:transition>
</p:sld>
</file>

<file path=ppt/tags/tag1.xml><?xml version="1.0" encoding="utf-8"?>
<p:tagLst xmlns:a="http://schemas.openxmlformats.org/drawingml/2006/main" xmlns:r="http://schemas.openxmlformats.org/officeDocument/2006/relationships" xmlns:p="http://schemas.openxmlformats.org/presentationml/2006/main">
  <p:tag name="TEMPLAFYSLIDEID" val="637255773635519777"/>
</p:tagLst>
</file>

<file path=ppt/tags/tag2.xml><?xml version="1.0" encoding="utf-8"?>
<p:tagLst xmlns:a="http://schemas.openxmlformats.org/drawingml/2006/main" xmlns:r="http://schemas.openxmlformats.org/officeDocument/2006/relationships" xmlns:p="http://schemas.openxmlformats.org/presentationml/2006/main">
  <p:tag name="TEMPLAFYSLIDEID" val="637255773635676680"/>
</p:tagLst>
</file>

<file path=ppt/theme/theme1.xml><?xml version="1.0" encoding="utf-8"?>
<a:theme xmlns:a="http://schemas.openxmlformats.org/drawingml/2006/main" name="IATA_Master">
  <a:themeElements>
    <a:clrScheme name="IATA">
      <a:dk1>
        <a:sysClr val="windowText" lastClr="000000"/>
      </a:dk1>
      <a:lt1>
        <a:sysClr val="window" lastClr="FFFFFF"/>
      </a:lt1>
      <a:dk2>
        <a:srgbClr val="000000"/>
      </a:dk2>
      <a:lt2>
        <a:srgbClr val="E6E6E6"/>
      </a:lt2>
      <a:accent1>
        <a:srgbClr val="1E32FA"/>
      </a:accent1>
      <a:accent2>
        <a:srgbClr val="FAC832"/>
      </a:accent2>
      <a:accent3>
        <a:srgbClr val="F04632"/>
      </a:accent3>
      <a:accent4>
        <a:srgbClr val="289632"/>
      </a:accent4>
      <a:accent5>
        <a:srgbClr val="F046C8"/>
      </a:accent5>
      <a:accent6>
        <a:srgbClr val="5A14A0"/>
      </a:accent6>
      <a:hlink>
        <a:srgbClr val="1E32FA"/>
      </a:hlink>
      <a:folHlink>
        <a:srgbClr val="5A14A0"/>
      </a:folHlink>
    </a:clrScheme>
    <a:fontScheme name="IATA">
      <a:majorFont>
        <a:latin typeface="Aktiv Grotesk Medium"/>
        <a:ea typeface=""/>
        <a:cs typeface=""/>
      </a:majorFont>
      <a:minorFont>
        <a:latin typeface="Aktiv Grotesk"/>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PPT_default.pptx  -  Read-Only" id="{3393D6F6-3DDF-4AD8-AF70-01B8C861C0E9}" vid="{9069597E-579C-472E-93EE-52701DC46031}"/>
    </a:ext>
  </a:extLst>
</a:theme>
</file>

<file path=ppt/theme/theme2.xml><?xml version="1.0" encoding="utf-8"?>
<a:theme xmlns:a="http://schemas.openxmlformats.org/drawingml/2006/main" name="Office Theme">
  <a:themeElements>
    <a:clrScheme name="IATA">
      <a:dk1>
        <a:sysClr val="windowText" lastClr="000000"/>
      </a:dk1>
      <a:lt1>
        <a:sysClr val="window" lastClr="FFFFFF"/>
      </a:lt1>
      <a:dk2>
        <a:srgbClr val="000000"/>
      </a:dk2>
      <a:lt2>
        <a:srgbClr val="E6E6E6"/>
      </a:lt2>
      <a:accent1>
        <a:srgbClr val="1E32FA"/>
      </a:accent1>
      <a:accent2>
        <a:srgbClr val="FAC832"/>
      </a:accent2>
      <a:accent3>
        <a:srgbClr val="F04632"/>
      </a:accent3>
      <a:accent4>
        <a:srgbClr val="289632"/>
      </a:accent4>
      <a:accent5>
        <a:srgbClr val="F046C8"/>
      </a:accent5>
      <a:accent6>
        <a:srgbClr val="5A14A0"/>
      </a:accent6>
      <a:hlink>
        <a:srgbClr val="1E32FA"/>
      </a:hlink>
      <a:folHlink>
        <a:srgbClr val="5A14A0"/>
      </a:folHlink>
    </a:clrScheme>
    <a:fontScheme name="IATA Notes">
      <a:majorFont>
        <a:latin typeface="Aktiv Grotesk Medium"/>
        <a:ea typeface=""/>
        <a:cs typeface=""/>
      </a:majorFont>
      <a:minorFont>
        <a:latin typeface="Aktiv Grotesk"/>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IATA">
      <a:dk1>
        <a:sysClr val="windowText" lastClr="000000"/>
      </a:dk1>
      <a:lt1>
        <a:sysClr val="window" lastClr="FFFFFF"/>
      </a:lt1>
      <a:dk2>
        <a:srgbClr val="000000"/>
      </a:dk2>
      <a:lt2>
        <a:srgbClr val="E6E6E6"/>
      </a:lt2>
      <a:accent1>
        <a:srgbClr val="1E32FA"/>
      </a:accent1>
      <a:accent2>
        <a:srgbClr val="FAC832"/>
      </a:accent2>
      <a:accent3>
        <a:srgbClr val="F04632"/>
      </a:accent3>
      <a:accent4>
        <a:srgbClr val="289632"/>
      </a:accent4>
      <a:accent5>
        <a:srgbClr val="F046C8"/>
      </a:accent5>
      <a:accent6>
        <a:srgbClr val="5A14A0"/>
      </a:accent6>
      <a:hlink>
        <a:srgbClr val="1E32FA"/>
      </a:hlink>
      <a:folHlink>
        <a:srgbClr val="5A14A0"/>
      </a:folHlink>
    </a:clrScheme>
    <a:fontScheme name="IATA Handouts">
      <a:majorFont>
        <a:latin typeface="Aktiv Grotesk Medium"/>
        <a:ea typeface=""/>
        <a:cs typeface=""/>
      </a:majorFont>
      <a:minorFont>
        <a:latin typeface="Aktiv Grotesk"/>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o" ma:contentTypeID="0x010100C7F3881317BCD94A97129206307469D2" ma:contentTypeVersion="2" ma:contentTypeDescription="Crear nuevo documento." ma:contentTypeScope="" ma:versionID="1c196344793963ba3e297580dac26e04">
  <xsd:schema xmlns:xsd="http://www.w3.org/2001/XMLSchema" xmlns:xs="http://www.w3.org/2001/XMLSchema" xmlns:p="http://schemas.microsoft.com/office/2006/metadata/properties" xmlns:ns2="df01a51d-83e1-43e6-b0d7-92ec35ad6911" targetNamespace="http://schemas.microsoft.com/office/2006/metadata/properties" ma:root="true" ma:fieldsID="04c12754d4282b6f002e59ed2eb572c5" ns2:_="">
    <xsd:import namespace="df01a51d-83e1-43e6-b0d7-92ec35ad6911"/>
    <xsd:element name="properties">
      <xsd:complexType>
        <xsd:sequence>
          <xsd:element name="documentManagement">
            <xsd:complexType>
              <xsd:all>
                <xsd:element ref="ns2:Formato" minOccurs="0"/>
                <xsd:element ref="ns2:mesa"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df01a51d-83e1-43e6-b0d7-92ec35ad6911" elementFormDefault="qualified">
    <xsd:import namespace="http://schemas.microsoft.com/office/2006/documentManagement/types"/>
    <xsd:import namespace="http://schemas.microsoft.com/office/infopath/2007/PartnerControls"/>
    <xsd:element name="Formato" ma:index="8" nillable="true" ma:displayName="Formato" ma:default="/Style%20Library/Images/pdf.svg" ma:format="Dropdown" ma:internalName="Formato">
      <xsd:simpleType>
        <xsd:restriction base="dms:Choice">
          <xsd:enumeration value="/Style%20Library/Images/pdf.svg"/>
          <xsd:enumeration value="/Style%20Library/Images/doc.svg"/>
          <xsd:enumeration value="/Style%20Library/Images/xls.svg"/>
          <xsd:enumeration value="/Style%20Library/Images/ppt.svg"/>
          <xsd:enumeration value="/Style%20Library/Images/jpg.svg"/>
        </xsd:restriction>
      </xsd:simpleType>
    </xsd:element>
    <xsd:element name="mesa" ma:index="9" nillable="true" ma:displayName="mesa" ma:default="3" ma:format="Dropdown" ma:internalName="mesa">
      <xsd:simpleType>
        <xsd:restriction base="dms:Choice">
          <xsd:enumeration value="General"/>
          <xsd:enumeration value="1"/>
          <xsd:enumeration value="2"/>
          <xsd:enumeration value="3"/>
          <xsd:enumeration value="4"/>
          <xsd:enumeration value="5"/>
          <xsd:enumeration value="6"/>
          <xsd:enumeration value="7"/>
          <xsd:enumeration value="8"/>
          <xsd:enumeration value="9"/>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Tipo de contenido"/>
        <xsd:element ref="dc:title" minOccurs="0" maxOccurs="1" ma:index="4" ma:displayName="Título"/>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p:properties xmlns:p="http://schemas.microsoft.com/office/2006/metadata/properties" xmlns:xsi="http://www.w3.org/2001/XMLSchema-instance" xmlns:pc="http://schemas.microsoft.com/office/infopath/2007/PartnerControls">
  <documentManagement>
    <Formato xmlns="df01a51d-83e1-43e6-b0d7-92ec35ad6911">/Style%20Library/Images/ppt.svg</Formato>
    <mesa xmlns="df01a51d-83e1-43e6-b0d7-92ec35ad6911">2</mesa>
  </documentManagement>
</p:properties>
</file>

<file path=customXml/itemProps1.xml><?xml version="1.0" encoding="utf-8"?>
<ds:datastoreItem xmlns:ds="http://schemas.openxmlformats.org/officeDocument/2006/customXml" ds:itemID="{DC41E9A4-E583-4DE4-AE79-3F828E43D587}"/>
</file>

<file path=customXml/itemProps2.xml><?xml version="1.0" encoding="utf-8"?>
<ds:datastoreItem xmlns:ds="http://schemas.openxmlformats.org/officeDocument/2006/customXml" ds:itemID="{25DA0270-EBA0-426D-AFB3-B4B4E564956D}"/>
</file>

<file path=customXml/itemProps3.xml><?xml version="1.0" encoding="utf-8"?>
<ds:datastoreItem xmlns:ds="http://schemas.openxmlformats.org/officeDocument/2006/customXml" ds:itemID="{38169278-46A8-4EA3-A964-6443511D1741}"/>
</file>

<file path=docProps/app.xml><?xml version="1.0" encoding="utf-8"?>
<Properties xmlns="http://schemas.openxmlformats.org/officeDocument/2006/extended-properties" xmlns:vt="http://schemas.openxmlformats.org/officeDocument/2006/docPropsVTypes">
  <Template>blank</Template>
  <TotalTime>2976</TotalTime>
  <Words>2408</Words>
  <Application>Microsoft Office PowerPoint</Application>
  <PresentationFormat>Widescreen</PresentationFormat>
  <Paragraphs>199</Paragraphs>
  <Slides>13</Slides>
  <Notes>9</Notes>
  <HiddenSlides>0</HiddenSlides>
  <MMClips>0</MMClips>
  <ScaleCrop>false</ScaleCrop>
  <HeadingPairs>
    <vt:vector size="4" baseType="variant">
      <vt:variant>
        <vt:lpstr>Theme</vt:lpstr>
      </vt:variant>
      <vt:variant>
        <vt:i4>1</vt:i4>
      </vt:variant>
      <vt:variant>
        <vt:lpstr>Slide Titles</vt:lpstr>
      </vt:variant>
      <vt:variant>
        <vt:i4>13</vt:i4>
      </vt:variant>
    </vt:vector>
  </HeadingPairs>
  <TitlesOfParts>
    <vt:vector size="14" baseType="lpstr">
      <vt:lpstr>IATA_Master</vt:lpstr>
      <vt:lpstr>Cadena de suministro para los SAF en Colombia</vt:lpstr>
      <vt:lpstr>Consideraciones iniciales</vt:lpstr>
      <vt:lpstr>¿Que son los SAF?</vt:lpstr>
      <vt:lpstr>Costo de SAF y la cadena de suministro</vt:lpstr>
      <vt:lpstr>Distribución de Jet Fuel (CAF) / SAF</vt:lpstr>
      <vt:lpstr>Cadena de Suministros y mezcla de SAF</vt:lpstr>
      <vt:lpstr>Posibles puntos de mezcla</vt:lpstr>
      <vt:lpstr>Refinería</vt:lpstr>
      <vt:lpstr>Terminal de Combustible</vt:lpstr>
      <vt:lpstr>Aeropuerto</vt:lpstr>
      <vt:lpstr>Mecanismos de Cadena de Custodia (CoC)</vt:lpstr>
      <vt:lpstr>Marco contable para los SAF</vt:lpstr>
      <vt:lpstr>Gracias!  Preguntas?</vt:lpstr>
    </vt:vector>
  </TitlesOfParts>
  <Company>IATA</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Guilherme Goulart - IATA</dc:title>
  <dc:subject>IATA PowerPoint Master Theme</dc:subject>
  <dc:creator>Guilherme Goulart</dc:creator>
  <cp:lastModifiedBy>Guilherme Goulart Santos</cp:lastModifiedBy>
  <cp:revision>48</cp:revision>
  <dcterms:created xsi:type="dcterms:W3CDTF">2021-04-27T16:55:12Z</dcterms:created>
  <dcterms:modified xsi:type="dcterms:W3CDTF">2023-11-08T22:40:59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MS Version">
    <vt:lpwstr>1.0.0</vt:lpwstr>
  </property>
  <property fmtid="{D5CDD505-2E9C-101B-9397-08002B2CF9AE}" pid="3" name="TemplafyTimeStamp">
    <vt:lpwstr>2019-06-27T04:47:42.2676291Z</vt:lpwstr>
  </property>
  <property fmtid="{D5CDD505-2E9C-101B-9397-08002B2CF9AE}" pid="4" name="ContentTypeId">
    <vt:lpwstr>0x010100C7F3881317BCD94A97129206307469D2</vt:lpwstr>
  </property>
</Properties>
</file>